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賦課収納係\資格管理・生活保護関係\資格管理業務\☆住所地特例・適用除外施設\★住所地特例施設一覧\R8\"/>
    </mc:Choice>
  </mc:AlternateContent>
  <xr:revisionPtr revIDLastSave="0" documentId="13_ncr:1_{78702726-2224-4351-BEC2-176BA3D97AE3}" xr6:coauthVersionLast="47" xr6:coauthVersionMax="47" xr10:uidLastSave="{00000000-0000-0000-0000-000000000000}"/>
  <bookViews>
    <workbookView xWindow="-3810" yWindow="8002" windowWidth="21795" windowHeight="13875" tabRatio="899" xr2:uid="{00000000-000D-0000-FFFF-FFFF00000000}"/>
  </bookViews>
  <sheets>
    <sheet name="1.介護老人福祉施設" sheetId="104" r:id="rId1"/>
    <sheet name="2.介護老人保健施設" sheetId="105" r:id="rId2"/>
    <sheet name="3.介護医療院" sheetId="112" r:id="rId3"/>
    <sheet name="4.養護老人ホーム" sheetId="62" r:id="rId4"/>
    <sheet name="5.軽費老人ホーム(ケアハウス)" sheetId="63" r:id="rId5"/>
    <sheet name="6.有料老人ホーム" sheetId="110" r:id="rId6"/>
    <sheet name="7.サービス付き高齢者向け住宅 " sheetId="109" r:id="rId7"/>
  </sheets>
  <definedNames>
    <definedName name="_xlnm._FilterDatabase" localSheetId="0" hidden="1">'1.介護老人福祉施設'!$A$1:$K$1</definedName>
    <definedName name="_xlnm._FilterDatabase" localSheetId="1" hidden="1">'2.介護老人保健施設'!$A$1:$J$1</definedName>
    <definedName name="_xlnm._FilterDatabase" localSheetId="2" hidden="1">'3.介護医療院'!$A$1:$K$1</definedName>
    <definedName name="_xlnm._FilterDatabase" localSheetId="4" hidden="1">'5.軽費老人ホーム(ケアハウス)'!$A$1:$WVO$1</definedName>
    <definedName name="_xlnm._FilterDatabase" localSheetId="5" hidden="1">'6.有料老人ホーム'!$A$1:$H$1</definedName>
    <definedName name="_xlnm._FilterDatabase" localSheetId="6" hidden="1">'7.サービス付き高齢者向け住宅 '!$A$1:$H$1</definedName>
    <definedName name="data" localSheetId="5">'6.有料老人ホーム'!$B$1:$C$8</definedName>
    <definedName name="_xlnm.Print_Area" localSheetId="0">'1.介護老人福祉施設'!$A$1:$K$26</definedName>
    <definedName name="_xlnm.Print_Area" localSheetId="1">'2.介護老人保健施設'!$A$1:$J$18</definedName>
    <definedName name="_xlnm.Print_Area" localSheetId="2">'3.介護医療院'!$A$1:$J$13</definedName>
    <definedName name="_xlnm.Print_Area" localSheetId="3">'4.養護老人ホーム'!$A$1:$G$2</definedName>
    <definedName name="_xlnm.Print_Area" localSheetId="4">'5.軽費老人ホーム(ケアハウス)'!$A$1:$G$10</definedName>
    <definedName name="_xlnm.Print_Area" localSheetId="5">'6.有料老人ホーム'!$A$1:$H$74</definedName>
    <definedName name="_xlnm.Print_Area" localSheetId="6">'7.サービス付き高齢者向け住宅 '!$A$1:$G$44</definedName>
    <definedName name="_xlnm.Print_Titles" localSheetId="5">'6.有料老人ホーム'!$1:$1</definedName>
    <definedName name="_xlnm.Print_Titles" localSheetId="6">'7.サービス付き高齢者向け住宅 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28" uniqueCount="817">
  <si>
    <t>076-491-5800</t>
  </si>
  <si>
    <t>ケアメントハウス花みずき</t>
    <rPh sb="8" eb="9">
      <t>ハナ</t>
    </rPh>
    <phoneticPr fontId="17"/>
  </si>
  <si>
    <t>076-451-7005</t>
  </si>
  <si>
    <t>富山市婦中町塚原１２２</t>
    <rPh sb="0" eb="3">
      <t>トヤマシ</t>
    </rPh>
    <rPh sb="3" eb="6">
      <t>フチュウマチ</t>
    </rPh>
    <rPh sb="6" eb="8">
      <t>ツカハラ</t>
    </rPh>
    <phoneticPr fontId="6"/>
  </si>
  <si>
    <t>富山市奥井町1番7号</t>
    <rPh sb="0" eb="6">
      <t>トヤマシオクイマチ</t>
    </rPh>
    <rPh sb="7" eb="8">
      <t>バン</t>
    </rPh>
    <rPh sb="9" eb="10">
      <t>ゴウ</t>
    </rPh>
    <phoneticPr fontId="17"/>
  </si>
  <si>
    <t>笑ひ介護あんしんアパート</t>
    <rPh sb="0" eb="1">
      <t>ワラ</t>
    </rPh>
    <rPh sb="2" eb="4">
      <t>カイゴ</t>
    </rPh>
    <phoneticPr fontId="17"/>
  </si>
  <si>
    <t>076-493-3636</t>
  </si>
  <si>
    <t>076-451-7840</t>
  </si>
  <si>
    <t>事業所番号</t>
  </si>
  <si>
    <t>富山市水橋市江54-1</t>
  </si>
  <si>
    <t>富山老人保健施設</t>
  </si>
  <si>
    <t>蜷川11番6</t>
  </si>
  <si>
    <t>076-425-1228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7"/>
  </si>
  <si>
    <t>076-429-6677</t>
  </si>
  <si>
    <t>16B0100113</t>
  </si>
  <si>
    <t>076-491-2852</t>
  </si>
  <si>
    <t>介護老人保健施設　シルバーケア城南</t>
  </si>
  <si>
    <t>076-466-9000</t>
  </si>
  <si>
    <t>ファミーユ</t>
  </si>
  <si>
    <t>076-429-6642</t>
  </si>
  <si>
    <t>（株）MURAI</t>
    <rPh sb="0" eb="3">
      <t>カブ</t>
    </rPh>
    <phoneticPr fontId="18"/>
  </si>
  <si>
    <t>076-493-0276</t>
  </si>
  <si>
    <t>アーバンハイツ２１ 陽だまりの里</t>
  </si>
  <si>
    <t>076-429-8080</t>
  </si>
  <si>
    <t>（株）ミタホーム</t>
  </si>
  <si>
    <t>076-420-6363</t>
  </si>
  <si>
    <t>076-420-6300</t>
  </si>
  <si>
    <t>富山市本郷町２２番地</t>
    <rPh sb="0" eb="3">
      <t>トヤマシ</t>
    </rPh>
    <rPh sb="3" eb="6">
      <t>ホンゴウチョウ</t>
    </rPh>
    <rPh sb="8" eb="10">
      <t>バンチ</t>
    </rPh>
    <phoneticPr fontId="17"/>
  </si>
  <si>
    <t>076-429-7766</t>
  </si>
  <si>
    <t>富山市今泉２２０</t>
  </si>
  <si>
    <t>ありがとうホームエンジョイライフ黒瀬</t>
    <rPh sb="16" eb="18">
      <t>クロセ</t>
    </rPh>
    <phoneticPr fontId="17"/>
  </si>
  <si>
    <t>社会福祉法人　和合福祉会</t>
  </si>
  <si>
    <t>ひかりの花苑</t>
    <rPh sb="4" eb="5">
      <t>ハナ</t>
    </rPh>
    <rPh sb="5" eb="6">
      <t>エン</t>
    </rPh>
    <phoneticPr fontId="6"/>
  </si>
  <si>
    <t>076-429-8880</t>
  </si>
  <si>
    <t>076-443-9260</t>
  </si>
  <si>
    <t>076-437-4528</t>
  </si>
  <si>
    <t>館出町二丁目4-4</t>
  </si>
  <si>
    <t>076-429-8538</t>
  </si>
  <si>
    <t>ケアハウスゆりかごの里</t>
    <rPh sb="10" eb="11">
      <t>サト</t>
    </rPh>
    <phoneticPr fontId="6"/>
  </si>
  <si>
    <t>メゾン　ラ・サンテ</t>
  </si>
  <si>
    <t>076-493-7221</t>
  </si>
  <si>
    <t>076-429-9143</t>
  </si>
  <si>
    <t>076-462-2232</t>
  </si>
  <si>
    <t>076-421-6300</t>
  </si>
  <si>
    <t>―</t>
  </si>
  <si>
    <t>076-451-7701</t>
  </si>
  <si>
    <t>ケアハウスめぐみ</t>
  </si>
  <si>
    <t>076-413-7607</t>
  </si>
  <si>
    <t>076-429-3682</t>
  </si>
  <si>
    <t>（株）gratitude</t>
  </si>
  <si>
    <t>076-493-6000</t>
  </si>
  <si>
    <t>076-482-3091</t>
  </si>
  <si>
    <t>有料老人ホームつばめ野</t>
    <rPh sb="0" eb="4">
      <t>ユウリョウロウジン</t>
    </rPh>
    <rPh sb="10" eb="11">
      <t>ノ</t>
    </rPh>
    <phoneticPr fontId="17"/>
  </si>
  <si>
    <t>大島三丁目177番地</t>
  </si>
  <si>
    <t>076-429-8686</t>
  </si>
  <si>
    <t>076-444-2077</t>
  </si>
  <si>
    <t>076-426-1294</t>
  </si>
  <si>
    <t>事業所郵便番号</t>
  </si>
  <si>
    <t>076-429-8855</t>
  </si>
  <si>
    <t>老人保健施設　シルバーケア栗山</t>
  </si>
  <si>
    <t>事業所名称</t>
  </si>
  <si>
    <t>老人保健施設　白雲荘</t>
  </si>
  <si>
    <t>076-464-5688</t>
  </si>
  <si>
    <t>富山市清水中町4-1</t>
  </si>
  <si>
    <t>有限会社セルフケアサポート</t>
  </si>
  <si>
    <t>076-425-088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6"/>
  </si>
  <si>
    <t>076-493-3936</t>
  </si>
  <si>
    <t>流杉病院介護医療院</t>
    <rPh sb="4" eb="6">
      <t>カイゴ</t>
    </rPh>
    <rPh sb="6" eb="8">
      <t>イリョウ</t>
    </rPh>
    <rPh sb="8" eb="9">
      <t>イン</t>
    </rPh>
    <phoneticPr fontId="6"/>
  </si>
  <si>
    <t>076-493-6666</t>
  </si>
  <si>
    <t>076-425-1166</t>
  </si>
  <si>
    <t>076-425-0768</t>
  </si>
  <si>
    <t>介護老人保健施設　シルバーケア今泉</t>
  </si>
  <si>
    <t>076-424-2211</t>
  </si>
  <si>
    <t>施設名称</t>
    <rPh sb="0" eb="2">
      <t>シセツ</t>
    </rPh>
    <phoneticPr fontId="6"/>
  </si>
  <si>
    <t>076-425-8500</t>
  </si>
  <si>
    <t>076-454-3922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6"/>
  </si>
  <si>
    <t>熊野</t>
    <rPh sb="0" eb="2">
      <t>クマノ</t>
    </rPh>
    <phoneticPr fontId="19"/>
  </si>
  <si>
    <t>076-461-7788</t>
  </si>
  <si>
    <t>ケアハウス婦中苑</t>
    <rPh sb="5" eb="7">
      <t>フチュウ</t>
    </rPh>
    <rPh sb="7" eb="8">
      <t>エン</t>
    </rPh>
    <phoneticPr fontId="6"/>
  </si>
  <si>
    <t>076-478-3690</t>
  </si>
  <si>
    <t>九重荘</t>
    <rPh sb="0" eb="2">
      <t>ココノエ</t>
    </rPh>
    <rPh sb="2" eb="3">
      <t>ソウ</t>
    </rPh>
    <phoneticPr fontId="6"/>
  </si>
  <si>
    <t>大町らん</t>
  </si>
  <si>
    <t>939-2231</t>
  </si>
  <si>
    <t>医療法人社団親和会</t>
  </si>
  <si>
    <t>076-425-0888</t>
  </si>
  <si>
    <t>076-491-5858</t>
  </si>
  <si>
    <t>076-483-3111</t>
  </si>
  <si>
    <t>所在地</t>
  </si>
  <si>
    <t>電話番号</t>
  </si>
  <si>
    <t>富山市上大久保484-1</t>
  </si>
  <si>
    <t>FAX番号</t>
  </si>
  <si>
    <t>富山市太郎丸本町1-10-23</t>
  </si>
  <si>
    <t>浜黒崎</t>
    <rPh sb="0" eb="1">
      <t>ハマ</t>
    </rPh>
    <rPh sb="1" eb="3">
      <t>クロサキ</t>
    </rPh>
    <phoneticPr fontId="6"/>
  </si>
  <si>
    <t>指定日</t>
  </si>
  <si>
    <t>076-481-6673</t>
  </si>
  <si>
    <t>939-8032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6"/>
  </si>
  <si>
    <t>ながれすぎ光風苑</t>
  </si>
  <si>
    <t>076-429-0203</t>
  </si>
  <si>
    <t>－</t>
  </si>
  <si>
    <t>076-494-1811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6"/>
  </si>
  <si>
    <t>名称</t>
    <rPh sb="0" eb="2">
      <t>メイショウ</t>
    </rPh>
    <phoneticPr fontId="18"/>
  </si>
  <si>
    <t>076-478-4784</t>
  </si>
  <si>
    <t>富山市金代7</t>
  </si>
  <si>
    <t>富山市向新庄町4丁目14番48号</t>
  </si>
  <si>
    <t>076-424-7005</t>
  </si>
  <si>
    <t>076-451-7001</t>
  </si>
  <si>
    <t>076-461-7265</t>
  </si>
  <si>
    <t>076-437-6225</t>
  </si>
  <si>
    <t>076-424-7003</t>
  </si>
  <si>
    <t>富山市太郎丸本町１丁目８－１</t>
    <rPh sb="6" eb="8">
      <t>ホンマチ</t>
    </rPh>
    <phoneticPr fontId="6"/>
  </si>
  <si>
    <t>開設
年月日</t>
    <rPh sb="0" eb="2">
      <t>カイセツ</t>
    </rPh>
    <rPh sb="3" eb="6">
      <t>ネンガッピ</t>
    </rPh>
    <phoneticPr fontId="6"/>
  </si>
  <si>
    <t>フールケア南富山</t>
    <rPh sb="5" eb="6">
      <t>ミナミ</t>
    </rPh>
    <rPh sb="6" eb="8">
      <t>トヤマ</t>
    </rPh>
    <phoneticPr fontId="17"/>
  </si>
  <si>
    <t>IMF（株）</t>
  </si>
  <si>
    <t>有限会社日和</t>
  </si>
  <si>
    <t>076-494-1212</t>
  </si>
  <si>
    <t>株式会社ふれあいの里</t>
  </si>
  <si>
    <t>076-494-1350</t>
  </si>
  <si>
    <t>076-478-1400</t>
  </si>
  <si>
    <t>富山市流杉７７</t>
  </si>
  <si>
    <t>うちくる富山有沢</t>
    <rPh sb="4" eb="6">
      <t>トヤマ</t>
    </rPh>
    <rPh sb="6" eb="8">
      <t>アリサワ</t>
    </rPh>
    <phoneticPr fontId="17"/>
  </si>
  <si>
    <t>南野田70番地</t>
  </si>
  <si>
    <t>特別養護老人ホーム 晴風荘</t>
  </si>
  <si>
    <t>076-492-9911</t>
  </si>
  <si>
    <t>定員</t>
    <rPh sb="0" eb="2">
      <t>テイイン</t>
    </rPh>
    <phoneticPr fontId="18"/>
  </si>
  <si>
    <t>ケアハウスとやま</t>
  </si>
  <si>
    <t>076-456-3292</t>
  </si>
  <si>
    <t>サービス付き高齢者向け住宅 あすケア五福</t>
  </si>
  <si>
    <t>フールケア水橋</t>
    <rPh sb="5" eb="7">
      <t>ミズハシ</t>
    </rPh>
    <phoneticPr fontId="17"/>
  </si>
  <si>
    <t>サービス付き高齢者向け住宅 ひとと樹</t>
  </si>
  <si>
    <t>076-465-2134</t>
  </si>
  <si>
    <t>076-420-4133</t>
  </si>
  <si>
    <t>076-426-1315</t>
  </si>
  <si>
    <t>富山市婦中町羽根1092-2</t>
  </si>
  <si>
    <r>
      <t xml:space="preserve">定員
</t>
    </r>
    <r>
      <rPr>
        <sz val="8"/>
        <rFont val="BIZ UDP明朝 Medium"/>
        <family val="1"/>
        <charset val="128"/>
      </rPr>
      <t>(　）はユニット型の床数</t>
    </r>
    <rPh sb="0" eb="2">
      <t>テイイン</t>
    </rPh>
    <phoneticPr fontId="6"/>
  </si>
  <si>
    <t>富山市長江本町18-1</t>
  </si>
  <si>
    <t>076-469-1617</t>
  </si>
  <si>
    <t>定員</t>
    <rPh sb="0" eb="2">
      <t>テイイン</t>
    </rPh>
    <phoneticPr fontId="6"/>
  </si>
  <si>
    <t>富山市高畠町一丁目10-17</t>
  </si>
  <si>
    <t>076-493-2552</t>
  </si>
  <si>
    <t>076-493-2933</t>
  </si>
  <si>
    <t>076-493-2611</t>
  </si>
  <si>
    <t>076-438-8744</t>
  </si>
  <si>
    <t>076-423-7880</t>
  </si>
  <si>
    <t>076-433-4000</t>
  </si>
  <si>
    <t>富山市中島3丁目8-33</t>
  </si>
  <si>
    <t>富山市針原中町３３６</t>
  </si>
  <si>
    <t>富山市本郷町63-1</t>
  </si>
  <si>
    <t>あいあい（株）</t>
  </si>
  <si>
    <t>076-438-2131</t>
  </si>
  <si>
    <t>蜷川</t>
    <rPh sb="0" eb="2">
      <t>ニナガワ</t>
    </rPh>
    <phoneticPr fontId="6"/>
  </si>
  <si>
    <t>富山市曙町2番23号</t>
  </si>
  <si>
    <t>介護医療院　尽誠会</t>
  </si>
  <si>
    <t>076-469-0668</t>
  </si>
  <si>
    <t>076-482-6543</t>
  </si>
  <si>
    <t>076-491-3366</t>
  </si>
  <si>
    <t>特別養護老人ホーム　白光苑</t>
  </si>
  <si>
    <t>076-444-2078</t>
  </si>
  <si>
    <t>076-467-0777</t>
  </si>
  <si>
    <t>（株）みんなの輪</t>
    <rPh sb="7" eb="8">
      <t>ワ</t>
    </rPh>
    <phoneticPr fontId="17"/>
  </si>
  <si>
    <t>076-451-8013</t>
  </si>
  <si>
    <t>サコージュー金泉寺</t>
  </si>
  <si>
    <t>桜の森秋吉2号館</t>
    <rPh sb="0" eb="1">
      <t>サクラ</t>
    </rPh>
    <rPh sb="2" eb="3">
      <t>モリ</t>
    </rPh>
    <rPh sb="3" eb="5">
      <t>アキヨシ</t>
    </rPh>
    <rPh sb="6" eb="8">
      <t>ゴウカン</t>
    </rPh>
    <phoneticPr fontId="17"/>
  </si>
  <si>
    <t>076-493-0266</t>
  </si>
  <si>
    <t>076-452-3880</t>
  </si>
  <si>
    <t>吉田　均</t>
  </si>
  <si>
    <t>076-493-6541</t>
  </si>
  <si>
    <t>富山市婦中町西本郷59-1</t>
    <rPh sb="0" eb="9">
      <t>トヤマシフチュウマチニシホンゴウ</t>
    </rPh>
    <phoneticPr fontId="17"/>
  </si>
  <si>
    <t>富山市稲荷町四丁目3番16号</t>
  </si>
  <si>
    <t>あすなろハウス永楽</t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富山市秋ヶ島１４６－１</t>
    <rPh sb="0" eb="3">
      <t>トヤマシ</t>
    </rPh>
    <rPh sb="3" eb="4">
      <t>アキ</t>
    </rPh>
    <rPh sb="5" eb="6">
      <t>シマ</t>
    </rPh>
    <phoneticPr fontId="19"/>
  </si>
  <si>
    <t>（株）びりーぶ</t>
    <rPh sb="1" eb="2">
      <t>カブ</t>
    </rPh>
    <phoneticPr fontId="17"/>
  </si>
  <si>
    <t>076-433-8800</t>
  </si>
  <si>
    <t>富山市経田1313</t>
  </si>
  <si>
    <t>八尾</t>
    <rPh sb="0" eb="2">
      <t>ヤオ</t>
    </rPh>
    <phoneticPr fontId="6"/>
  </si>
  <si>
    <t>R6.4.1
（H24.10.17</t>
  </si>
  <si>
    <t>（医社）城南会</t>
    <rPh sb="1" eb="2">
      <t>イ</t>
    </rPh>
    <rPh sb="2" eb="3">
      <t>シャ</t>
    </rPh>
    <rPh sb="4" eb="6">
      <t>ジョウナン</t>
    </rPh>
    <rPh sb="6" eb="7">
      <t>カイ</t>
    </rPh>
    <phoneticPr fontId="18"/>
  </si>
  <si>
    <t>076-407-0120</t>
  </si>
  <si>
    <t>桜谷の里</t>
  </si>
  <si>
    <t>特別養護老人ホーム　ソレイユ</t>
    <rPh sb="0" eb="2">
      <t>トクベツ</t>
    </rPh>
    <rPh sb="2" eb="4">
      <t>ヨウゴ</t>
    </rPh>
    <rPh sb="4" eb="6">
      <t>ロウジン</t>
    </rPh>
    <phoneticPr fontId="6"/>
  </si>
  <si>
    <t>太陽のプリズム西荒屋</t>
  </si>
  <si>
    <t>076-407-1566</t>
  </si>
  <si>
    <t>076-461-5260</t>
  </si>
  <si>
    <t>ありがとうホーム長江</t>
  </si>
  <si>
    <t>誠友病院介護医療院</t>
    <rPh sb="4" eb="9">
      <t>カイゴイリョウイン</t>
    </rPh>
    <phoneticPr fontId="6"/>
  </si>
  <si>
    <t>076-467-3655</t>
  </si>
  <si>
    <t>03-5542-3052</t>
  </si>
  <si>
    <t>シルバーホーム呉羽あいの風</t>
  </si>
  <si>
    <t>富山市大町7</t>
  </si>
  <si>
    <t>076-482-5690</t>
  </si>
  <si>
    <t>新庄ヒルズⅡときめき</t>
  </si>
  <si>
    <t>076-421-3251</t>
  </si>
  <si>
    <t>富山市今泉２１８</t>
  </si>
  <si>
    <t>事業者名</t>
    <rPh sb="0" eb="4">
      <t>ジギョウシャメイ</t>
    </rPh>
    <phoneticPr fontId="6"/>
  </si>
  <si>
    <t>076-411-4639</t>
  </si>
  <si>
    <t>ありがとうホーム黒瀬</t>
  </si>
  <si>
    <t>はるかぜホーム</t>
  </si>
  <si>
    <t>寒江</t>
    <rPh sb="0" eb="1">
      <t>サム</t>
    </rPh>
    <rPh sb="1" eb="2">
      <t>エ</t>
    </rPh>
    <phoneticPr fontId="6"/>
  </si>
  <si>
    <t>076-482-5638</t>
  </si>
  <si>
    <t>（株）ブレイン</t>
  </si>
  <si>
    <t>（株）丸和</t>
    <rPh sb="3" eb="5">
      <t>マルワ</t>
    </rPh>
    <phoneticPr fontId="17"/>
  </si>
  <si>
    <t>シニアプラザあんじゅーる</t>
  </si>
  <si>
    <t>ひなたぼっことやま介護あんしんアパート</t>
    <rPh sb="9" eb="11">
      <t>カイゴ</t>
    </rPh>
    <phoneticPr fontId="17"/>
  </si>
  <si>
    <t>富山市長江新町3丁目9番15</t>
    <rPh sb="11" eb="12">
      <t>バン</t>
    </rPh>
    <phoneticPr fontId="17"/>
  </si>
  <si>
    <t>富山市天正寺488</t>
  </si>
  <si>
    <t>老人保健施設　チューリップ苑</t>
  </si>
  <si>
    <t>介護医療院　せいわ</t>
  </si>
  <si>
    <t>富山市婦中町田島869番地1</t>
  </si>
  <si>
    <t>校区･地域</t>
    <rPh sb="0" eb="2">
      <t>コウク</t>
    </rPh>
    <rPh sb="3" eb="5">
      <t>チイキ</t>
    </rPh>
    <phoneticPr fontId="6"/>
  </si>
  <si>
    <t>富山市中川原5-4</t>
  </si>
  <si>
    <t>富山市八尾町奥田79番地</t>
  </si>
  <si>
    <t>076-413-8355</t>
  </si>
  <si>
    <t>富山市新庄町2-7-10</t>
  </si>
  <si>
    <t>富山市石金1丁目2番30号</t>
  </si>
  <si>
    <t>076-469-5802</t>
  </si>
  <si>
    <t>富山市黒瀬218-1</t>
    <rPh sb="0" eb="3">
      <t>トヤマシ</t>
    </rPh>
    <rPh sb="3" eb="5">
      <t>クロセ</t>
    </rPh>
    <phoneticPr fontId="17"/>
  </si>
  <si>
    <t>富山市城川原1-10-17</t>
  </si>
  <si>
    <t>富山市向新庄7丁目17-10</t>
  </si>
  <si>
    <t>富山市栗山字沢下割９００</t>
  </si>
  <si>
    <t>076-491-7488</t>
  </si>
  <si>
    <t>富山市秋吉130-5</t>
  </si>
  <si>
    <t>富山市下新本町3-17</t>
  </si>
  <si>
    <t>新保</t>
    <rPh sb="0" eb="2">
      <t>シンボ</t>
    </rPh>
    <phoneticPr fontId="19"/>
  </si>
  <si>
    <t>931-8435</t>
  </si>
  <si>
    <t>八尾</t>
    <rPh sb="0" eb="2">
      <t>ヤツオ</t>
    </rPh>
    <phoneticPr fontId="19"/>
  </si>
  <si>
    <t>ホスピス対応型住宅リベル富山1st</t>
  </si>
  <si>
    <t>939-8087</t>
  </si>
  <si>
    <t>ケアハウス城南</t>
    <rPh sb="5" eb="7">
      <t>ジョウナン</t>
    </rPh>
    <phoneticPr fontId="6"/>
  </si>
  <si>
    <t>堀川</t>
    <rPh sb="0" eb="2">
      <t>ホリカワ</t>
    </rPh>
    <phoneticPr fontId="19"/>
  </si>
  <si>
    <t>076-461-4406</t>
  </si>
  <si>
    <t>939-8281</t>
  </si>
  <si>
    <t>930-0085</t>
  </si>
  <si>
    <t>076-413-7606</t>
  </si>
  <si>
    <t>076-466-9001</t>
  </si>
  <si>
    <t>931-8324</t>
  </si>
  <si>
    <t>太田</t>
    <rPh sb="0" eb="2">
      <t>オオタ</t>
    </rPh>
    <phoneticPr fontId="6"/>
  </si>
  <si>
    <t>939-8071</t>
  </si>
  <si>
    <t>939-2603</t>
  </si>
  <si>
    <t>ナーシングホーム悠ライフ富山奥田</t>
    <rPh sb="12" eb="14">
      <t>トヤマ</t>
    </rPh>
    <rPh sb="14" eb="16">
      <t>オクダ</t>
    </rPh>
    <phoneticPr fontId="17"/>
  </si>
  <si>
    <t>939-8104</t>
  </si>
  <si>
    <t>076-452-5353</t>
  </si>
  <si>
    <t>076-466-0853</t>
  </si>
  <si>
    <t>076-413-3730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6"/>
  </si>
  <si>
    <t>076-478-3681</t>
  </si>
  <si>
    <t>日方江有料老人ホーム</t>
    <rPh sb="0" eb="1">
      <t>ヒ</t>
    </rPh>
    <rPh sb="1" eb="2">
      <t>カタ</t>
    </rPh>
    <rPh sb="2" eb="3">
      <t>エ</t>
    </rPh>
    <rPh sb="3" eb="5">
      <t>ユウリョウ</t>
    </rPh>
    <rPh sb="5" eb="7">
      <t>ロウジン</t>
    </rPh>
    <phoneticPr fontId="18"/>
  </si>
  <si>
    <t>076-444-8820</t>
  </si>
  <si>
    <t>076-464-3001</t>
  </si>
  <si>
    <t>呉羽</t>
    <rPh sb="0" eb="2">
      <t>クレハ</t>
    </rPh>
    <phoneticPr fontId="6"/>
  </si>
  <si>
    <t>076-461-5300</t>
  </si>
  <si>
    <t>076-435-3339</t>
  </si>
  <si>
    <t>富山市上千俵町９８－１</t>
    <rPh sb="6" eb="7">
      <t>マチ</t>
    </rPh>
    <phoneticPr fontId="19"/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6"/>
  </si>
  <si>
    <t>富山市新根塚町三丁目５-1</t>
    <rPh sb="0" eb="3">
      <t>トヤマシ</t>
    </rPh>
    <rPh sb="3" eb="7">
      <t>シンネヅカマチ</t>
    </rPh>
    <rPh sb="7" eb="10">
      <t>サンチョウメ</t>
    </rPh>
    <phoneticPr fontId="17"/>
  </si>
  <si>
    <t>076-436-1213</t>
  </si>
  <si>
    <t>（株）カインドライフ</t>
    <rPh sb="0" eb="3">
      <t>カブ</t>
    </rPh>
    <phoneticPr fontId="17"/>
  </si>
  <si>
    <t>（医社）若葉会</t>
    <rPh sb="1" eb="2">
      <t>イ</t>
    </rPh>
    <rPh sb="2" eb="3">
      <t>シャ</t>
    </rPh>
    <rPh sb="4" eb="6">
      <t>ワカバ</t>
    </rPh>
    <rPh sb="6" eb="7">
      <t>カイ</t>
    </rPh>
    <phoneticPr fontId="17"/>
  </si>
  <si>
    <t>076-435-3336</t>
  </si>
  <si>
    <t>076-461-3496</t>
  </si>
  <si>
    <t>076-468-0786</t>
  </si>
  <si>
    <t>076-444-5353</t>
  </si>
  <si>
    <t>うちくる富山北代</t>
    <rPh sb="4" eb="6">
      <t>トヤマ</t>
    </rPh>
    <rPh sb="6" eb="7">
      <t>キタ</t>
    </rPh>
    <rPh sb="7" eb="8">
      <t>ダイ</t>
    </rPh>
    <phoneticPr fontId="17"/>
  </si>
  <si>
    <t>076-461-4403</t>
  </si>
  <si>
    <t>076-464-3735</t>
  </si>
  <si>
    <t>特別養護老人ホーム すみれ苑</t>
  </si>
  <si>
    <t>076-464-3622</t>
  </si>
  <si>
    <t>所在地</t>
    <rPh sb="0" eb="3">
      <t>ショザイチ</t>
    </rPh>
    <phoneticPr fontId="18"/>
  </si>
  <si>
    <t>076-481-6270</t>
  </si>
  <si>
    <t>富山市窪新町6-22</t>
  </si>
  <si>
    <t>（株）とやまヒューマンサービス</t>
  </si>
  <si>
    <t>076-424-3101</t>
  </si>
  <si>
    <t>076-461-7777</t>
  </si>
  <si>
    <t>富山市才覚寺259</t>
  </si>
  <si>
    <t>八尾</t>
    <rPh sb="0" eb="2">
      <t>ヤツオ</t>
    </rPh>
    <phoneticPr fontId="6"/>
  </si>
  <si>
    <t>076-482-2451</t>
  </si>
  <si>
    <t>076-411-4611</t>
  </si>
  <si>
    <t>076-467-5151</t>
  </si>
  <si>
    <t>076-461-3057</t>
  </si>
  <si>
    <t>16B0100048</t>
  </si>
  <si>
    <t>076-493-3355</t>
  </si>
  <si>
    <t>076-464-6856</t>
  </si>
  <si>
    <t>戸数</t>
    <rPh sb="0" eb="2">
      <t>コスウ</t>
    </rPh>
    <phoneticPr fontId="6"/>
  </si>
  <si>
    <t xml:space="preserve">
富山市新庄北町3２番2１号</t>
  </si>
  <si>
    <t>（株）コロネット</t>
  </si>
  <si>
    <t>（株）フィール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株式会社みんなの輪</t>
  </si>
  <si>
    <t>富山市下赤江町2-3-14</t>
  </si>
  <si>
    <t>サービス付き高齢者向け住宅 ありがとうホーム興南</t>
  </si>
  <si>
    <t>（株）のむら</t>
  </si>
  <si>
    <t>（株）ケアセンチュリー</t>
  </si>
  <si>
    <t>（株）モデスト</t>
  </si>
  <si>
    <t>076-400-9647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6"/>
  </si>
  <si>
    <t>（株）ＴＨＳ＆ＥＫ</t>
  </si>
  <si>
    <t>有料老人ホームなごみの和</t>
    <rPh sb="0" eb="4">
      <t>ユウリョウロウジン</t>
    </rPh>
    <rPh sb="11" eb="12">
      <t>ワ</t>
    </rPh>
    <phoneticPr fontId="17"/>
  </si>
  <si>
    <t>（株）アポケアとやま</t>
  </si>
  <si>
    <t>（株）サンウェルズ</t>
  </si>
  <si>
    <t>赤田698-1</t>
  </si>
  <si>
    <t>桜の森本郷</t>
    <rPh sb="0" eb="1">
      <t>サクラ</t>
    </rPh>
    <rPh sb="2" eb="3">
      <t>モリ</t>
    </rPh>
    <rPh sb="3" eb="5">
      <t>ホンゴウ</t>
    </rPh>
    <phoneticPr fontId="17"/>
  </si>
  <si>
    <t>（株）うちくる</t>
  </si>
  <si>
    <t>特別養護老人ホーム　三寿苑</t>
  </si>
  <si>
    <t>ケアメントハウス花みずき参番館</t>
    <rPh sb="8" eb="9">
      <t>ハナ</t>
    </rPh>
    <rPh sb="12" eb="15">
      <t>サンバンカン</t>
    </rPh>
    <phoneticPr fontId="17"/>
  </si>
  <si>
    <t>（株）フールケア大地</t>
  </si>
  <si>
    <t>（株）YUA</t>
  </si>
  <si>
    <t>富山市流杉１２０</t>
  </si>
  <si>
    <t>076-438-6133</t>
  </si>
  <si>
    <t>正栄ウェルフェア（株）</t>
  </si>
  <si>
    <t>富山市手屋3-8-40</t>
  </si>
  <si>
    <t>076-425-6255</t>
  </si>
  <si>
    <t>富山市水橋畠等297</t>
  </si>
  <si>
    <t>富山市丸の内1-7-11</t>
  </si>
  <si>
    <t>北新町二丁目1番14号</t>
    <rPh sb="0" eb="1">
      <t>キタ</t>
    </rPh>
    <phoneticPr fontId="6"/>
  </si>
  <si>
    <t>富山市針日269</t>
  </si>
  <si>
    <t>有料老人ホームまな</t>
    <rPh sb="0" eb="2">
      <t>ユウリョウ</t>
    </rPh>
    <rPh sb="2" eb="4">
      <t>ロウジン</t>
    </rPh>
    <phoneticPr fontId="17"/>
  </si>
  <si>
    <t>太陽のプリズム才覚寺</t>
    <rPh sb="0" eb="2">
      <t>タイヨウ</t>
    </rPh>
    <rPh sb="7" eb="8">
      <t>サイ</t>
    </rPh>
    <rPh sb="8" eb="9">
      <t>カク</t>
    </rPh>
    <rPh sb="9" eb="10">
      <t>テラ</t>
    </rPh>
    <phoneticPr fontId="17"/>
  </si>
  <si>
    <t>076-481-7657</t>
  </si>
  <si>
    <t>富山市才覚寺246番地4</t>
  </si>
  <si>
    <t>富山市中田2丁目8-37</t>
  </si>
  <si>
    <t>富山市高屋敷142-5</t>
  </si>
  <si>
    <t>富山市水橋小路287-1</t>
  </si>
  <si>
    <t>076-405-9239</t>
  </si>
  <si>
    <t>富山市南野田70番地</t>
  </si>
  <si>
    <t>有料老人ホームめぐみ</t>
    <rPh sb="0" eb="7">
      <t>ユウロウ</t>
    </rPh>
    <phoneticPr fontId="18"/>
  </si>
  <si>
    <t>富山市長柄町2丁目1-10</t>
  </si>
  <si>
    <t>富山市藤木1972-4</t>
  </si>
  <si>
    <t>富山市秋吉101-14</t>
  </si>
  <si>
    <t>富山市吉作491-1</t>
  </si>
  <si>
    <t>076-454-5300</t>
  </si>
  <si>
    <t>富山市向新庄2丁目11-26</t>
  </si>
  <si>
    <t>富山市有沢155-1</t>
  </si>
  <si>
    <t>076-466-3773</t>
  </si>
  <si>
    <t>富山市追分茶屋472-1</t>
  </si>
  <si>
    <t>サービス付き高齢者向け住宅 こいずみ</t>
  </si>
  <si>
    <t>富山市北代4800-1</t>
  </si>
  <si>
    <t>富山市南野田70-1</t>
  </si>
  <si>
    <t>ありがとうホーム長江新町</t>
    <rPh sb="8" eb="12">
      <t>ナガエシンマチ</t>
    </rPh>
    <phoneticPr fontId="17"/>
  </si>
  <si>
    <t>山室中部</t>
    <rPh sb="0" eb="2">
      <t>ヤマムロ</t>
    </rPh>
    <rPh sb="2" eb="4">
      <t>チュウブ</t>
    </rPh>
    <phoneticPr fontId="6"/>
  </si>
  <si>
    <t>富山市上大久保1503-10</t>
  </si>
  <si>
    <t>有料老人ホーム空港店　Orchid</t>
    <rPh sb="0" eb="2">
      <t>ユウリョウ</t>
    </rPh>
    <rPh sb="2" eb="4">
      <t>ロウジン</t>
    </rPh>
    <rPh sb="7" eb="9">
      <t>クウコウ</t>
    </rPh>
    <rPh sb="9" eb="10">
      <t>テン</t>
    </rPh>
    <phoneticPr fontId="17"/>
  </si>
  <si>
    <t>富山市長江新町3-3-35</t>
  </si>
  <si>
    <t>ホスピス対応型住宅リベル　富山２nd</t>
    <rPh sb="4" eb="7">
      <t>タイオウガタ</t>
    </rPh>
    <rPh sb="7" eb="9">
      <t>ジュウタク</t>
    </rPh>
    <rPh sb="13" eb="15">
      <t>トヤマ</t>
    </rPh>
    <phoneticPr fontId="18"/>
  </si>
  <si>
    <t>076-422-3281</t>
  </si>
  <si>
    <t>校区・地域</t>
    <rPh sb="0" eb="2">
      <t>コウク</t>
    </rPh>
    <rPh sb="3" eb="5">
      <t>チイキ</t>
    </rPh>
    <phoneticPr fontId="6"/>
  </si>
  <si>
    <t>R7.9.1
（H27.11.8</t>
  </si>
  <si>
    <t>特別養護老人ホーム　敬寿苑</t>
  </si>
  <si>
    <t>076-471-8644</t>
  </si>
  <si>
    <t>三郷</t>
    <rPh sb="0" eb="2">
      <t>ミサト</t>
    </rPh>
    <phoneticPr fontId="6"/>
  </si>
  <si>
    <t>光陽</t>
    <rPh sb="0" eb="1">
      <t>ヒカリ</t>
    </rPh>
    <rPh sb="1" eb="2">
      <t>ヨウ</t>
    </rPh>
    <phoneticPr fontId="6"/>
  </si>
  <si>
    <t>076-491-0066</t>
  </si>
  <si>
    <t>076-421-5222</t>
  </si>
  <si>
    <t>にながわ光風苑</t>
  </si>
  <si>
    <t>シニアプライベートハウス ちゅらさん婦中</t>
  </si>
  <si>
    <t>076-429-7474</t>
  </si>
  <si>
    <t>山室中部</t>
    <rPh sb="0" eb="2">
      <t>ヤマムロ</t>
    </rPh>
    <rPh sb="2" eb="4">
      <t>チュウブ</t>
    </rPh>
    <phoneticPr fontId="19"/>
  </si>
  <si>
    <t>事業者名</t>
    <rPh sb="0" eb="3">
      <t>ジギョウシャ</t>
    </rPh>
    <rPh sb="3" eb="4">
      <t>メイ</t>
    </rPh>
    <phoneticPr fontId="18"/>
  </si>
  <si>
    <t>社会福祉法人三寿会</t>
  </si>
  <si>
    <t>076-429-7494</t>
  </si>
  <si>
    <t>特別養護老人ホーム  梨雲苑</t>
  </si>
  <si>
    <t>介護老人保健施設　アメニティ月岡</t>
    <rPh sb="0" eb="2">
      <t>カイゴ</t>
    </rPh>
    <rPh sb="14" eb="16">
      <t>ツキオカ</t>
    </rPh>
    <phoneticPr fontId="19"/>
  </si>
  <si>
    <t>076-436-2002</t>
  </si>
  <si>
    <t>076-461-3566</t>
  </si>
  <si>
    <t>076-436-2165</t>
  </si>
  <si>
    <t>特別養護老人ホーム  和合ハイツ</t>
  </si>
  <si>
    <t>富山市布目１９６６－１</t>
  </si>
  <si>
    <t>076-436-7805</t>
  </si>
  <si>
    <t>（有）みらい倶楽部</t>
    <rPh sb="1" eb="2">
      <t>ユウ</t>
    </rPh>
    <rPh sb="6" eb="9">
      <t>クラブ</t>
    </rPh>
    <phoneticPr fontId="18"/>
  </si>
  <si>
    <t>倉垣</t>
    <rPh sb="0" eb="1">
      <t>クラ</t>
    </rPh>
    <rPh sb="1" eb="2">
      <t>カキ</t>
    </rPh>
    <phoneticPr fontId="6"/>
  </si>
  <si>
    <t>富山市大島３－１４７</t>
  </si>
  <si>
    <t>076-423-0387</t>
  </si>
  <si>
    <t>富山市流杉177-3</t>
  </si>
  <si>
    <t>076-464-4140</t>
  </si>
  <si>
    <t>藤ノ木</t>
    <rPh sb="0" eb="1">
      <t>フジ</t>
    </rPh>
    <rPh sb="2" eb="3">
      <t>キ</t>
    </rPh>
    <phoneticPr fontId="6"/>
  </si>
  <si>
    <t>076-492-3081</t>
  </si>
  <si>
    <t>フールケア西田地方</t>
    <rPh sb="5" eb="9">
      <t>ニシデンジガタ</t>
    </rPh>
    <phoneticPr fontId="17"/>
  </si>
  <si>
    <t>076-493-3068</t>
  </si>
  <si>
    <t>076-435-5756</t>
  </si>
  <si>
    <t>水橋西部</t>
    <rPh sb="0" eb="1">
      <t>ミズ</t>
    </rPh>
    <rPh sb="1" eb="2">
      <t>ハシ</t>
    </rPh>
    <rPh sb="2" eb="4">
      <t>セイブ</t>
    </rPh>
    <phoneticPr fontId="6"/>
  </si>
  <si>
    <t>ケアプラザ虹の丘三郷</t>
    <rPh sb="5" eb="6">
      <t>ニジ</t>
    </rPh>
    <rPh sb="7" eb="8">
      <t>オカ</t>
    </rPh>
    <rPh sb="8" eb="10">
      <t>サンゴウ</t>
    </rPh>
    <phoneticPr fontId="17"/>
  </si>
  <si>
    <t>特別養護老人ホ－ムしらいわ苑</t>
  </si>
  <si>
    <t>（株）アンビス</t>
    <rPh sb="0" eb="3">
      <t>カブ</t>
    </rPh>
    <phoneticPr fontId="17"/>
  </si>
  <si>
    <t>オーキッド新庄</t>
    <rPh sb="5" eb="7">
      <t>シンジョウ</t>
    </rPh>
    <phoneticPr fontId="17"/>
  </si>
  <si>
    <t>八幡</t>
    <rPh sb="0" eb="2">
      <t>ハチマン</t>
    </rPh>
    <phoneticPr fontId="6"/>
  </si>
  <si>
    <t>076-478-0418</t>
  </si>
  <si>
    <t>076-433-8881</t>
  </si>
  <si>
    <t>076-468-0001</t>
  </si>
  <si>
    <t>076-433-8891</t>
  </si>
  <si>
    <t>ＰＤハウス秋吉</t>
    <rPh sb="5" eb="7">
      <t>アキヨシ</t>
    </rPh>
    <phoneticPr fontId="17"/>
  </si>
  <si>
    <t>076-479-2080</t>
  </si>
  <si>
    <t>076-479-2077</t>
  </si>
  <si>
    <t>コンフォート黒崎</t>
  </si>
  <si>
    <t>大沢野</t>
    <rPh sb="0" eb="3">
      <t>オオサワノ</t>
    </rPh>
    <phoneticPr fontId="6"/>
  </si>
  <si>
    <t>076-467-1000</t>
  </si>
  <si>
    <t>婦中</t>
    <rPh sb="0" eb="2">
      <t>フチュウ</t>
    </rPh>
    <phoneticPr fontId="6"/>
  </si>
  <si>
    <t>有料老人ホーム福禄寿</t>
    <rPh sb="0" eb="4">
      <t>ユウリョウロウジン</t>
    </rPh>
    <rPh sb="7" eb="10">
      <t>フクロクジュ</t>
    </rPh>
    <phoneticPr fontId="18"/>
  </si>
  <si>
    <t>076-466-3882</t>
  </si>
  <si>
    <t>富山市小西１７０番地</t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6"/>
  </si>
  <si>
    <t>076-436-7848</t>
  </si>
  <si>
    <t>大山</t>
    <rPh sb="0" eb="2">
      <t>オオヤマ</t>
    </rPh>
    <phoneticPr fontId="6"/>
  </si>
  <si>
    <t>076-483-3322</t>
  </si>
  <si>
    <t>076-438-8455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6"/>
  </si>
  <si>
    <t>076-436-6541</t>
  </si>
  <si>
    <t>076-467-0753</t>
  </si>
  <si>
    <t>076-411-5808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6"/>
  </si>
  <si>
    <t>ありがとうホーム呉羽</t>
    <rPh sb="8" eb="10">
      <t>クレハ</t>
    </rPh>
    <phoneticPr fontId="17"/>
  </si>
  <si>
    <t>富山市石屋２３７番地</t>
    <rPh sb="0" eb="3">
      <t>トヤマシ</t>
    </rPh>
    <rPh sb="3" eb="5">
      <t>イシヤ</t>
    </rPh>
    <rPh sb="8" eb="10">
      <t>バンチ</t>
    </rPh>
    <phoneticPr fontId="6"/>
  </si>
  <si>
    <t>富山市立慈光園</t>
    <rPh sb="0" eb="4">
      <t>トヤマシリツ</t>
    </rPh>
    <rPh sb="4" eb="5">
      <t>ジ</t>
    </rPh>
    <rPh sb="5" eb="6">
      <t>ヒカリ</t>
    </rPh>
    <rPh sb="6" eb="7">
      <t>エン</t>
    </rPh>
    <phoneticPr fontId="6"/>
  </si>
  <si>
    <t>16B0100030</t>
  </si>
  <si>
    <t>富山市藤木４３番地１</t>
    <rPh sb="0" eb="3">
      <t>トヤマシ</t>
    </rPh>
    <rPh sb="3" eb="5">
      <t>フジキ</t>
    </rPh>
    <rPh sb="7" eb="9">
      <t>バンチ</t>
    </rPh>
    <phoneticPr fontId="17"/>
  </si>
  <si>
    <t>076-422-1200</t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有料老人ホーム おあしす</t>
    <rPh sb="0" eb="2">
      <t>ユウリョウ</t>
    </rPh>
    <rPh sb="2" eb="4">
      <t>ロウジン</t>
    </rPh>
    <phoneticPr fontId="17"/>
  </si>
  <si>
    <t>ケアハウス三寿荘</t>
    <rPh sb="5" eb="6">
      <t>サン</t>
    </rPh>
    <rPh sb="6" eb="7">
      <t>コトブキ</t>
    </rPh>
    <rPh sb="7" eb="8">
      <t>ソウ</t>
    </rPh>
    <phoneticPr fontId="6"/>
  </si>
  <si>
    <t>ナーシングホーム悠ライフ富山</t>
    <rPh sb="8" eb="9">
      <t>ユウ</t>
    </rPh>
    <rPh sb="12" eb="14">
      <t>トヤマ</t>
    </rPh>
    <phoneticPr fontId="17"/>
  </si>
  <si>
    <t>076-433-8005</t>
  </si>
  <si>
    <t>076-469-1000</t>
  </si>
  <si>
    <t>076-469-1003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6"/>
  </si>
  <si>
    <t>有料老人ホームなないろ</t>
    <rPh sb="0" eb="2">
      <t>ユウリョウ</t>
    </rPh>
    <rPh sb="2" eb="4">
      <t>ロウジン</t>
    </rPh>
    <phoneticPr fontId="17"/>
  </si>
  <si>
    <t>076-455-3805</t>
  </si>
  <si>
    <t>076-455-3851</t>
  </si>
  <si>
    <t>奥田北</t>
    <rPh sb="0" eb="2">
      <t>オクダ</t>
    </rPh>
    <rPh sb="2" eb="3">
      <t>キタ</t>
    </rPh>
    <phoneticPr fontId="6"/>
  </si>
  <si>
    <t>婦中町下轡田９０－１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（株）ミタホーム</t>
    <rPh sb="1" eb="2">
      <t>カブ</t>
    </rPh>
    <phoneticPr fontId="17"/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19"/>
  </si>
  <si>
    <t>堀川南</t>
    <rPh sb="0" eb="2">
      <t>ホリカワ</t>
    </rPh>
    <rPh sb="2" eb="3">
      <t>ミナミ</t>
    </rPh>
    <phoneticPr fontId="6"/>
  </si>
  <si>
    <t>076-452-5252</t>
  </si>
  <si>
    <t>076-425-6200</t>
  </si>
  <si>
    <t>076-411-5224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6"/>
  </si>
  <si>
    <t>ナーシングホーム
笑美寿東</t>
    <rPh sb="9" eb="10">
      <t>ワラ</t>
    </rPh>
    <rPh sb="10" eb="11">
      <t>ビ</t>
    </rPh>
    <rPh sb="11" eb="12">
      <t>コトブキ</t>
    </rPh>
    <rPh sb="12" eb="13">
      <t>ヒガシ</t>
    </rPh>
    <phoneticPr fontId="17"/>
  </si>
  <si>
    <t>サービス付高齢者住宅「ふる里の風」</t>
  </si>
  <si>
    <t>076-465-2131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6"/>
  </si>
  <si>
    <t>リビングるい</t>
  </si>
  <si>
    <t>076-438-2505</t>
  </si>
  <si>
    <t>076-428-0131</t>
  </si>
  <si>
    <t>老田</t>
    <rPh sb="0" eb="2">
      <t>オイダ</t>
    </rPh>
    <phoneticPr fontId="6"/>
  </si>
  <si>
    <t>富山市五福4区116</t>
    <rPh sb="0" eb="3">
      <t>トヤマシ</t>
    </rPh>
    <rPh sb="3" eb="5">
      <t>ゴフク</t>
    </rPh>
    <rPh sb="6" eb="7">
      <t>ク</t>
    </rPh>
    <phoneticPr fontId="17"/>
  </si>
  <si>
    <t>076-436-6549</t>
  </si>
  <si>
    <t>グランコートとやま北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6"/>
  </si>
  <si>
    <t>076-461-4580</t>
  </si>
  <si>
    <t>（株）フィール</t>
    <rPh sb="1" eb="2">
      <t>カブ</t>
    </rPh>
    <phoneticPr fontId="17"/>
  </si>
  <si>
    <t>いま泉病院介護医療院</t>
    <rPh sb="5" eb="10">
      <t>カイゴイリョウイン</t>
    </rPh>
    <phoneticPr fontId="6"/>
  </si>
  <si>
    <t>特別養護老人ホームアルペンハイツ</t>
  </si>
  <si>
    <t>サコージュ みずほ</t>
  </si>
  <si>
    <t>076-483-3311</t>
  </si>
  <si>
    <t>針原</t>
    <rPh sb="0" eb="1">
      <t>ハリ</t>
    </rPh>
    <rPh sb="1" eb="2">
      <t>ハラ</t>
    </rPh>
    <phoneticPr fontId="6"/>
  </si>
  <si>
    <t>076-451-1000</t>
  </si>
  <si>
    <t>光陽</t>
    <rPh sb="0" eb="1">
      <t>ヒカ</t>
    </rPh>
    <rPh sb="1" eb="2">
      <t>ヨウ</t>
    </rPh>
    <phoneticPr fontId="19"/>
  </si>
  <si>
    <t>076-451-4411</t>
  </si>
  <si>
    <t>076-482-4888</t>
  </si>
  <si>
    <t>076-467-1622</t>
  </si>
  <si>
    <t>介護老人保健施設　みわ苑</t>
    <rPh sb="0" eb="2">
      <t>カイゴ</t>
    </rPh>
    <phoneticPr fontId="19"/>
  </si>
  <si>
    <t>介護老人保健施設　西町セントラル・ヴィレー</t>
    <rPh sb="0" eb="2">
      <t>カイゴ</t>
    </rPh>
    <phoneticPr fontId="19"/>
  </si>
  <si>
    <t>有料老人ホーム東富山</t>
    <rPh sb="0" eb="2">
      <t>ユウリョウ</t>
    </rPh>
    <rPh sb="2" eb="4">
      <t>ロウジン</t>
    </rPh>
    <rPh sb="7" eb="10">
      <t>ヒガシトヤマ</t>
    </rPh>
    <phoneticPr fontId="18"/>
  </si>
  <si>
    <t>076-471-8148</t>
  </si>
  <si>
    <t>五番町</t>
    <rPh sb="0" eb="3">
      <t>ゴバンマチ</t>
    </rPh>
    <phoneticPr fontId="19"/>
  </si>
  <si>
    <t>富山市流杉１２３</t>
  </si>
  <si>
    <t>富山市山室250番7</t>
    <rPh sb="0" eb="3">
      <t>トヤマシ</t>
    </rPh>
    <rPh sb="3" eb="5">
      <t>ヤマムロ</t>
    </rPh>
    <rPh sb="8" eb="9">
      <t>バン</t>
    </rPh>
    <phoneticPr fontId="17"/>
  </si>
  <si>
    <t>076-454-5341</t>
  </si>
  <si>
    <t>076-421-2116</t>
  </si>
  <si>
    <t>富山市太郎丸西町１丁目６番地６</t>
    <rPh sb="12" eb="14">
      <t>バンチ</t>
    </rPh>
    <phoneticPr fontId="19"/>
  </si>
  <si>
    <t>076-428-0130</t>
  </si>
  <si>
    <t>月岡</t>
    <rPh sb="0" eb="2">
      <t>ツキオカ</t>
    </rPh>
    <phoneticPr fontId="19"/>
  </si>
  <si>
    <t>東部</t>
    <rPh sb="0" eb="2">
      <t>トウブ</t>
    </rPh>
    <phoneticPr fontId="19"/>
  </si>
  <si>
    <t>月岡</t>
    <rPh sb="0" eb="2">
      <t>ツキオカ</t>
    </rPh>
    <phoneticPr fontId="6"/>
  </si>
  <si>
    <t>介護老人保健施設　レインボー</t>
    <rPh sb="0" eb="2">
      <t>カイゴ</t>
    </rPh>
    <phoneticPr fontId="19"/>
  </si>
  <si>
    <t>三郷</t>
    <rPh sb="0" eb="2">
      <t>ミサト</t>
    </rPh>
    <phoneticPr fontId="19"/>
  </si>
  <si>
    <t>076-478-5740</t>
  </si>
  <si>
    <t>はるかぜの丘</t>
    <rPh sb="5" eb="6">
      <t>オカ</t>
    </rPh>
    <phoneticPr fontId="17"/>
  </si>
  <si>
    <t>介護老人保健施設　仁泉メディケア</t>
    <rPh sb="0" eb="2">
      <t>カイゴ</t>
    </rPh>
    <phoneticPr fontId="19"/>
  </si>
  <si>
    <t>ラ・サンテ富山西</t>
  </si>
  <si>
    <t>076-495-6668</t>
  </si>
  <si>
    <t>富山市手屋２丁目135-1</t>
    <rPh sb="3" eb="4">
      <t>テ</t>
    </rPh>
    <rPh sb="4" eb="5">
      <t>ヤ</t>
    </rPh>
    <rPh sb="6" eb="8">
      <t>チョウメ</t>
    </rPh>
    <phoneticPr fontId="19"/>
  </si>
  <si>
    <t>有料老人ホームCoco楽笑</t>
    <rPh sb="0" eb="4">
      <t>ユウリョウロウジン</t>
    </rPh>
    <rPh sb="11" eb="13">
      <t>ラクショウ</t>
    </rPh>
    <phoneticPr fontId="17"/>
  </si>
  <si>
    <t>新庄北</t>
    <rPh sb="0" eb="2">
      <t>シンジョウ</t>
    </rPh>
    <rPh sb="2" eb="3">
      <t>キタ</t>
    </rPh>
    <phoneticPr fontId="19"/>
  </si>
  <si>
    <t>介護老人保健施設　富山リハビリテーションホーム</t>
    <rPh sb="0" eb="2">
      <t>カイゴ</t>
    </rPh>
    <phoneticPr fontId="19"/>
  </si>
  <si>
    <t>総曲輪</t>
    <rPh sb="0" eb="1">
      <t>ソウ</t>
    </rPh>
    <rPh sb="1" eb="2">
      <t>キョク</t>
    </rPh>
    <rPh sb="2" eb="3">
      <t>ワ</t>
    </rPh>
    <phoneticPr fontId="19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19"/>
  </si>
  <si>
    <t>076-493-7008</t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19"/>
  </si>
  <si>
    <t>076-436-2804</t>
  </si>
  <si>
    <t>婦中</t>
    <rPh sb="0" eb="2">
      <t>フチュウ</t>
    </rPh>
    <phoneticPr fontId="19"/>
  </si>
  <si>
    <t>フールケア大沢野</t>
    <rPh sb="5" eb="7">
      <t>オオサワ</t>
    </rPh>
    <rPh sb="7" eb="8">
      <t>ノ</t>
    </rPh>
    <phoneticPr fontId="17"/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19"/>
  </si>
  <si>
    <t>076-428-5565</t>
  </si>
  <si>
    <t>076-428-5590</t>
  </si>
  <si>
    <t>うちくる富山城川原</t>
    <rPh sb="4" eb="6">
      <t>トヤマ</t>
    </rPh>
    <rPh sb="6" eb="9">
      <t>ジョウガワラ</t>
    </rPh>
    <phoneticPr fontId="17"/>
  </si>
  <si>
    <t>076-469-0666</t>
  </si>
  <si>
    <t>婦中町上吉川132番地1</t>
    <rPh sb="0" eb="2">
      <t>フチュウ</t>
    </rPh>
    <phoneticPr fontId="6"/>
  </si>
  <si>
    <t>076-464-5281</t>
  </si>
  <si>
    <t>黒崎291</t>
  </si>
  <si>
    <t>大沢野</t>
    <rPh sb="0" eb="3">
      <t>オオサワノ</t>
    </rPh>
    <phoneticPr fontId="19"/>
  </si>
  <si>
    <t>八尾町福島七丁目42番地</t>
    <rPh sb="0" eb="2">
      <t>ヤツオ</t>
    </rPh>
    <phoneticPr fontId="6"/>
  </si>
  <si>
    <t>16B0100022</t>
  </si>
  <si>
    <t>堀川</t>
    <rPh sb="0" eb="1">
      <t>ホリ</t>
    </rPh>
    <rPh sb="1" eb="2">
      <t>カワ</t>
    </rPh>
    <phoneticPr fontId="6"/>
  </si>
  <si>
    <t>石坂3322-1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6"/>
  </si>
  <si>
    <t>白岩川有料老人ホーム</t>
    <rPh sb="0" eb="3">
      <t>シライワガワ</t>
    </rPh>
    <rPh sb="3" eb="5">
      <t>ユウリョウ</t>
    </rPh>
    <rPh sb="5" eb="7">
      <t>ロウジン</t>
    </rPh>
    <phoneticPr fontId="18"/>
  </si>
  <si>
    <t>うちくる富山新庄</t>
    <rPh sb="4" eb="6">
      <t>トヤマ</t>
    </rPh>
    <rPh sb="6" eb="8">
      <t>シンジョウ</t>
    </rPh>
    <phoneticPr fontId="17"/>
  </si>
  <si>
    <t>076-469-5421</t>
  </si>
  <si>
    <t>日之出ビルディング合同会社</t>
  </si>
  <si>
    <t>076-469-5425</t>
  </si>
  <si>
    <t>16B0100055</t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6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19"/>
  </si>
  <si>
    <t>076-438-6134</t>
  </si>
  <si>
    <t>富山市森1丁目 9-6</t>
  </si>
  <si>
    <t>076-483-3313</t>
  </si>
  <si>
    <t>076-461-5701</t>
  </si>
  <si>
    <t>オーキッド中川原</t>
    <rPh sb="5" eb="7">
      <t>ナカガワ</t>
    </rPh>
    <rPh sb="7" eb="8">
      <t>ハラ</t>
    </rPh>
    <phoneticPr fontId="17"/>
  </si>
  <si>
    <t>16B0100063</t>
  </si>
  <si>
    <t>076-442-8090</t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6"/>
  </si>
  <si>
    <t>076-461-3306</t>
  </si>
  <si>
    <t>16B0100071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6"/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6"/>
  </si>
  <si>
    <t>076-478-2579</t>
  </si>
  <si>
    <t>アクアホーム富山中冨居</t>
    <rPh sb="6" eb="8">
      <t>トヤマ</t>
    </rPh>
    <rPh sb="8" eb="11">
      <t>ナカフゴ</t>
    </rPh>
    <phoneticPr fontId="17"/>
  </si>
  <si>
    <t>16B0100089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6"/>
  </si>
  <si>
    <t>16B0100097</t>
  </si>
  <si>
    <t>16B0100105</t>
  </si>
  <si>
    <t>076-464-5116</t>
  </si>
  <si>
    <t>有料老人ホームさや</t>
    <rPh sb="0" eb="2">
      <t>ユウリョウ</t>
    </rPh>
    <rPh sb="2" eb="4">
      <t>ロウジン</t>
    </rPh>
    <phoneticPr fontId="18"/>
  </si>
  <si>
    <t>グループハウスまめな家
生活支援ハウス</t>
    <rPh sb="10" eb="11">
      <t>イエ</t>
    </rPh>
    <rPh sb="12" eb="14">
      <t>セイカツ</t>
    </rPh>
    <rPh sb="14" eb="16">
      <t>シエン</t>
    </rPh>
    <phoneticPr fontId="18"/>
  </si>
  <si>
    <t>シニアライフもなみ</t>
  </si>
  <si>
    <t>076-465-2055</t>
  </si>
  <si>
    <t>076-479-1224</t>
  </si>
  <si>
    <t>076-479-2507</t>
  </si>
  <si>
    <t>リビングふじ</t>
  </si>
  <si>
    <t>076-413-8877</t>
  </si>
  <si>
    <t>076-438-8489</t>
  </si>
  <si>
    <t>布目4021番地</t>
  </si>
  <si>
    <t>076-432-2005</t>
  </si>
  <si>
    <t>有料老人ホーム
ケアセンチュリー富山</t>
    <rPh sb="0" eb="2">
      <t>ユウリョウ</t>
    </rPh>
    <rPh sb="2" eb="4">
      <t>ロウジン</t>
    </rPh>
    <rPh sb="16" eb="18">
      <t>トヤマ</t>
    </rPh>
    <phoneticPr fontId="17"/>
  </si>
  <si>
    <t>076-413-7833</t>
  </si>
  <si>
    <t>みんなの家高屋敷</t>
    <rPh sb="4" eb="5">
      <t>イエ</t>
    </rPh>
    <rPh sb="5" eb="6">
      <t>タカ</t>
    </rPh>
    <rPh sb="6" eb="8">
      <t>ヤシキ</t>
    </rPh>
    <phoneticPr fontId="17"/>
  </si>
  <si>
    <t>076-461-6031</t>
  </si>
  <si>
    <t>076-479-9651</t>
  </si>
  <si>
    <t>あいあいおくだの家</t>
    <rPh sb="8" eb="9">
      <t>イエ</t>
    </rPh>
    <phoneticPr fontId="17"/>
  </si>
  <si>
    <t>桜の森長江</t>
    <rPh sb="0" eb="1">
      <t>サクラ</t>
    </rPh>
    <rPh sb="2" eb="3">
      <t>モリ</t>
    </rPh>
    <rPh sb="3" eb="5">
      <t>ナガエ</t>
    </rPh>
    <phoneticPr fontId="17"/>
  </si>
  <si>
    <t>ありがとうホーム新屋</t>
    <rPh sb="8" eb="10">
      <t>アラヤ</t>
    </rPh>
    <phoneticPr fontId="17"/>
  </si>
  <si>
    <t>生涯現役アパート「レット・イット・ビー♪」</t>
    <rPh sb="0" eb="2">
      <t>ショウガイ</t>
    </rPh>
    <rPh sb="2" eb="4">
      <t>ゲンエキ</t>
    </rPh>
    <phoneticPr fontId="17"/>
  </si>
  <si>
    <t>076-439-3001</t>
  </si>
  <si>
    <t>フールケア天正寺</t>
    <rPh sb="5" eb="6">
      <t>テン</t>
    </rPh>
    <rPh sb="6" eb="7">
      <t>タダ</t>
    </rPh>
    <rPh sb="7" eb="8">
      <t>テラ</t>
    </rPh>
    <phoneticPr fontId="17"/>
  </si>
  <si>
    <t>フールケア空港北</t>
    <rPh sb="5" eb="7">
      <t>クウコウ</t>
    </rPh>
    <rPh sb="7" eb="8">
      <t>キタ</t>
    </rPh>
    <phoneticPr fontId="17"/>
  </si>
  <si>
    <t>株式会社𠮷川工業</t>
  </si>
  <si>
    <t>有料老人ホームおきな</t>
    <rPh sb="0" eb="2">
      <t>ユウリョウ</t>
    </rPh>
    <rPh sb="2" eb="4">
      <t>ロウジン</t>
    </rPh>
    <phoneticPr fontId="17"/>
  </si>
  <si>
    <t>ありがとうホーム向新庄</t>
    <rPh sb="8" eb="9">
      <t>ムカイ</t>
    </rPh>
    <rPh sb="9" eb="11">
      <t>シンジョウ</t>
    </rPh>
    <phoneticPr fontId="17"/>
  </si>
  <si>
    <t>うちくる富山秋吉</t>
    <rPh sb="4" eb="6">
      <t>トヤマ</t>
    </rPh>
    <rPh sb="6" eb="8">
      <t>アキヨシ</t>
    </rPh>
    <phoneticPr fontId="17"/>
  </si>
  <si>
    <t>桜の森奥田</t>
    <rPh sb="0" eb="1">
      <t>サクラ</t>
    </rPh>
    <rPh sb="2" eb="3">
      <t>モリ</t>
    </rPh>
    <rPh sb="3" eb="5">
      <t>オクダ</t>
    </rPh>
    <phoneticPr fontId="17"/>
  </si>
  <si>
    <t>076-413-5330</t>
  </si>
  <si>
    <t>オーキッド大沢野</t>
    <rPh sb="5" eb="8">
      <t>オオサワノ</t>
    </rPh>
    <phoneticPr fontId="17"/>
  </si>
  <si>
    <t>富山市秋吉130-4</t>
    <rPh sb="0" eb="3">
      <t>トヤマシ</t>
    </rPh>
    <rPh sb="3" eb="5">
      <t>アキヨシ</t>
    </rPh>
    <phoneticPr fontId="17"/>
  </si>
  <si>
    <t>（株）スタッフシュウエイ</t>
    <rPh sb="1" eb="2">
      <t>カブ</t>
    </rPh>
    <phoneticPr fontId="17"/>
  </si>
  <si>
    <t>パステル西本郷</t>
    <rPh sb="4" eb="7">
      <t>ニシホンゴウ</t>
    </rPh>
    <phoneticPr fontId="17"/>
  </si>
  <si>
    <t>ウェル百選上冨居
有料老人ホーム</t>
    <rPh sb="3" eb="4">
      <t>ヒャク</t>
    </rPh>
    <rPh sb="4" eb="5">
      <t>エラ</t>
    </rPh>
    <rPh sb="5" eb="8">
      <t>カミフゴ</t>
    </rPh>
    <rPh sb="9" eb="13">
      <t>ユウリョウロウジン</t>
    </rPh>
    <phoneticPr fontId="17"/>
  </si>
  <si>
    <t>富山市松若町331番地</t>
    <rPh sb="0" eb="3">
      <t>トヤマシ</t>
    </rPh>
    <rPh sb="3" eb="6">
      <t>マツワカチョウ</t>
    </rPh>
    <rPh sb="9" eb="11">
      <t>バンチ</t>
    </rPh>
    <phoneticPr fontId="17"/>
  </si>
  <si>
    <t>富山市中冨居15番73号</t>
    <rPh sb="0" eb="3">
      <t>トヤマシ</t>
    </rPh>
    <rPh sb="3" eb="6">
      <t>ナカフゴ</t>
    </rPh>
    <rPh sb="8" eb="9">
      <t>バン</t>
    </rPh>
    <rPh sb="11" eb="12">
      <t>ゴウ</t>
    </rPh>
    <phoneticPr fontId="17"/>
  </si>
  <si>
    <t>株式会社ifD</t>
  </si>
  <si>
    <t>（有）セルフケアサポート</t>
    <rPh sb="1" eb="2">
      <t>ユウ</t>
    </rPh>
    <phoneticPr fontId="18"/>
  </si>
  <si>
    <t>（医社）尽誠会</t>
  </si>
  <si>
    <t>（社福）海望福祉会</t>
    <rPh sb="4" eb="5">
      <t>ウミ</t>
    </rPh>
    <rPh sb="5" eb="6">
      <t>ボウ</t>
    </rPh>
    <rPh sb="6" eb="8">
      <t>フクシ</t>
    </rPh>
    <rPh sb="8" eb="9">
      <t>カイ</t>
    </rPh>
    <phoneticPr fontId="17"/>
  </si>
  <si>
    <t>076-431-4975</t>
  </si>
  <si>
    <t>（医社）恵成会</t>
    <rPh sb="4" eb="5">
      <t>ケイ</t>
    </rPh>
    <rPh sb="5" eb="6">
      <t>セイ</t>
    </rPh>
    <rPh sb="6" eb="7">
      <t>カイ</t>
    </rPh>
    <phoneticPr fontId="18"/>
  </si>
  <si>
    <t>（株）日本エコ・ケア・サービス</t>
    <rPh sb="3" eb="5">
      <t>ニホン</t>
    </rPh>
    <phoneticPr fontId="17"/>
  </si>
  <si>
    <t>（株）フールケア大地</t>
    <rPh sb="8" eb="10">
      <t>ダイチ</t>
    </rPh>
    <phoneticPr fontId="17"/>
  </si>
  <si>
    <t>有限会社竹島</t>
  </si>
  <si>
    <t>正栄ウェルフェア（株）</t>
    <rPh sb="0" eb="2">
      <t>ショウエイ</t>
    </rPh>
    <phoneticPr fontId="17"/>
  </si>
  <si>
    <t>（株）サンウェルズ</t>
    <rPh sb="1" eb="2">
      <t>カブ</t>
    </rPh>
    <phoneticPr fontId="17"/>
  </si>
  <si>
    <t>（株）笑ひ</t>
    <rPh sb="1" eb="2">
      <t>カブ</t>
    </rPh>
    <rPh sb="3" eb="4">
      <t>ワラ</t>
    </rPh>
    <phoneticPr fontId="17"/>
  </si>
  <si>
    <t>076-461-5702</t>
  </si>
  <si>
    <t>北電産業（株）</t>
    <rPh sb="0" eb="2">
      <t>ホクデン</t>
    </rPh>
    <rPh sb="2" eb="4">
      <t>サンギョウ</t>
    </rPh>
    <rPh sb="5" eb="6">
      <t>カブ</t>
    </rPh>
    <phoneticPr fontId="17"/>
  </si>
  <si>
    <t>婦中町下轡田1019</t>
  </si>
  <si>
    <t>（株）楽笑</t>
    <rPh sb="1" eb="2">
      <t>カブ</t>
    </rPh>
    <rPh sb="3" eb="5">
      <t>ラクショウ</t>
    </rPh>
    <phoneticPr fontId="17"/>
  </si>
  <si>
    <t>（株）いちろく</t>
    <rPh sb="0" eb="3">
      <t>カブ</t>
    </rPh>
    <phoneticPr fontId="17"/>
  </si>
  <si>
    <t>登録
番号</t>
    <rPh sb="3" eb="5">
      <t>バンゴウ</t>
    </rPh>
    <phoneticPr fontId="6"/>
  </si>
  <si>
    <t>ケアハウスそよかぜの郷</t>
    <rPh sb="10" eb="11">
      <t>サト</t>
    </rPh>
    <phoneticPr fontId="6"/>
  </si>
  <si>
    <t>076-493-7009</t>
  </si>
  <si>
    <t>大江干30-3</t>
  </si>
  <si>
    <t>076-444-5357</t>
  </si>
  <si>
    <t>076-494-8686</t>
  </si>
  <si>
    <t>そう呉羽</t>
    <rPh sb="2" eb="4">
      <t>クレハ</t>
    </rPh>
    <phoneticPr fontId="17"/>
  </si>
  <si>
    <t>中市二丁目8番41号</t>
  </si>
  <si>
    <t>富山市稲代36</t>
  </si>
  <si>
    <t>上大久保1585-1</t>
  </si>
  <si>
    <t>株式会社サンウェルズ</t>
  </si>
  <si>
    <t>長江二丁目2番12号</t>
  </si>
  <si>
    <t>076-420-5110</t>
  </si>
  <si>
    <t>上赤江町一丁目12-6</t>
    <rPh sb="0" eb="1">
      <t>ウエ</t>
    </rPh>
    <phoneticPr fontId="6"/>
  </si>
  <si>
    <t>076-482-4827</t>
  </si>
  <si>
    <t>上二杉420-3</t>
  </si>
  <si>
    <t>名称</t>
    <rPh sb="0" eb="2">
      <t>メイショウ</t>
    </rPh>
    <phoneticPr fontId="6"/>
  </si>
  <si>
    <t>電話番号</t>
    <rPh sb="0" eb="2">
      <t>デンワ</t>
    </rPh>
    <rPh sb="2" eb="4">
      <t>バンゴウ</t>
    </rPh>
    <phoneticPr fontId="6"/>
  </si>
  <si>
    <t>有限会社あいサポート</t>
  </si>
  <si>
    <t>新庄ヒルズ</t>
  </si>
  <si>
    <t>株式会社アポケアとやま</t>
  </si>
  <si>
    <t>（株）ifD</t>
  </si>
  <si>
    <t>一般社団法人ひまわりの花</t>
  </si>
  <si>
    <t>076-451-2011</t>
  </si>
  <si>
    <t>社会福祉法人神通福祉会</t>
  </si>
  <si>
    <t>有限会社クレア</t>
  </si>
  <si>
    <t>ありすが～でん1号館</t>
  </si>
  <si>
    <t>株式会社フィール</t>
  </si>
  <si>
    <t>076-467-6683</t>
  </si>
  <si>
    <t>社会福祉法人富山市桜谷福祉会</t>
  </si>
  <si>
    <t>シニアレジデンス ビルト</t>
  </si>
  <si>
    <t>株式会社ビルト</t>
  </si>
  <si>
    <t>サービス付き高齢者向け住宅コスモスの里</t>
  </si>
  <si>
    <t>株式会社コスモスの里</t>
  </si>
  <si>
    <t>富山市丸の内三丁目3-25</t>
    <rPh sb="6" eb="9">
      <t>サンチョウメ</t>
    </rPh>
    <phoneticPr fontId="6"/>
  </si>
  <si>
    <t>ライフケア ゆずり葉</t>
  </si>
  <si>
    <t>有限会社ケアステーション ラポール</t>
  </si>
  <si>
    <t>希望の郷</t>
  </si>
  <si>
    <t>医療法人社団中山会</t>
  </si>
  <si>
    <t>076-255-0856</t>
  </si>
  <si>
    <t>株式会社ミタホーム</t>
  </si>
  <si>
    <t>サンタイム株式会社</t>
  </si>
  <si>
    <t>サービス付き高齢者向け住宅 たけしま</t>
  </si>
  <si>
    <t>サービス付き高齢者向け住宅 リバブル和合</t>
  </si>
  <si>
    <t>076-494-1070</t>
  </si>
  <si>
    <t>株式会社ビレッジ・フィールド</t>
  </si>
  <si>
    <t>076-464-6159</t>
  </si>
  <si>
    <t>サービス付高齢者向け住宅グレイス鵜坂</t>
  </si>
  <si>
    <t>サービス付き高齢者向け住宅 R.あんじゅ</t>
  </si>
  <si>
    <t>サービス付高齢者向け住宅 おきな</t>
  </si>
  <si>
    <t>医療法人社団若葉会</t>
  </si>
  <si>
    <t>サービス付き高齢者向け住宅 堀川みなみ</t>
  </si>
  <si>
    <t>株式会社Ｈ・クオリティ.タケダ</t>
  </si>
  <si>
    <t>川縁の里</t>
  </si>
  <si>
    <t>有限会社尚栄</t>
  </si>
  <si>
    <t>ＴＨＥ ＷＥＳＴ</t>
  </si>
  <si>
    <t>076-425-6952</t>
  </si>
  <si>
    <t>医療法人社団藤聖会</t>
  </si>
  <si>
    <t>サウスガーデン 八尾</t>
  </si>
  <si>
    <t>シニアタウン 龍宮</t>
  </si>
  <si>
    <t>有限会社エーアン・ティ</t>
  </si>
  <si>
    <t>076-420-5120</t>
  </si>
  <si>
    <t>ふれあいの里 ひろた</t>
  </si>
  <si>
    <t>正栄ウェルフェア株式会社</t>
  </si>
  <si>
    <t>医療法人社団双星会</t>
  </si>
  <si>
    <t>桜の森秋吉1号館</t>
  </si>
  <si>
    <t>開設年月日</t>
  </si>
  <si>
    <t>076-411-7676</t>
  </si>
  <si>
    <t>あかえ</t>
  </si>
  <si>
    <t>076-443-9255</t>
  </si>
  <si>
    <t>076-452-6861</t>
  </si>
  <si>
    <t>076-495-6666</t>
  </si>
  <si>
    <t>076-471-5002</t>
  </si>
  <si>
    <t>076-434-3142</t>
  </si>
  <si>
    <t>076-438-9255</t>
  </si>
  <si>
    <t>（株）長谷川介護サービス</t>
    <rPh sb="0" eb="3">
      <t>カブ</t>
    </rPh>
    <rPh sb="3" eb="6">
      <t>ハセガワ</t>
    </rPh>
    <rPh sb="6" eb="8">
      <t>カイゴ</t>
    </rPh>
    <phoneticPr fontId="18"/>
  </si>
  <si>
    <t>076-438-9256</t>
  </si>
  <si>
    <t>076-464-6857</t>
  </si>
  <si>
    <t>076-461-6032</t>
  </si>
  <si>
    <t>076-467-1633</t>
  </si>
  <si>
    <t>R6.1.29
(H26.1.29</t>
  </si>
  <si>
    <t>076-431-4976</t>
  </si>
  <si>
    <t>076-461-3381</t>
  </si>
  <si>
    <t>076-461-3382</t>
  </si>
  <si>
    <t>スマイルジョジョ</t>
  </si>
  <si>
    <t>076-461-6165</t>
  </si>
  <si>
    <t>076-442-5141</t>
  </si>
  <si>
    <t>076-423-0377</t>
  </si>
  <si>
    <t>076-464-6149</t>
  </si>
  <si>
    <t>076-436-2805</t>
  </si>
  <si>
    <t>076-467-3656</t>
  </si>
  <si>
    <t>076-491-2114</t>
  </si>
  <si>
    <t>076-491-2116</t>
  </si>
  <si>
    <t>076-484-6542</t>
  </si>
  <si>
    <t>076-493-7577</t>
  </si>
  <si>
    <t>076-451-2042</t>
  </si>
  <si>
    <t>076-422-4847</t>
  </si>
  <si>
    <t>076-428-1805</t>
  </si>
  <si>
    <t>076-428-1806</t>
  </si>
  <si>
    <t>ケアコミュニティまるとみ</t>
  </si>
  <si>
    <t>076-443-1061</t>
  </si>
  <si>
    <t>076-443-1062</t>
  </si>
  <si>
    <t>076-493-7716</t>
  </si>
  <si>
    <t>076-411-6477</t>
  </si>
  <si>
    <t>ラストライフはるかぜ</t>
  </si>
  <si>
    <t>076-471-8944</t>
  </si>
  <si>
    <t>076-411-9739</t>
  </si>
  <si>
    <t>076-438-2501</t>
  </si>
  <si>
    <t>076-468-0787</t>
  </si>
  <si>
    <t>富山市田畑852-85</t>
  </si>
  <si>
    <t>076-481-6628</t>
  </si>
  <si>
    <t>076-464-4139</t>
  </si>
  <si>
    <t>076-425-6951</t>
  </si>
  <si>
    <t>076-465-2056</t>
  </si>
  <si>
    <t>076-433-0128</t>
  </si>
  <si>
    <t>076-433-0323</t>
  </si>
  <si>
    <t>076-435-5755</t>
  </si>
  <si>
    <t>076-405-9339</t>
  </si>
  <si>
    <t>富山市新屋29-5</t>
    <rPh sb="0" eb="3">
      <t>トヤマシ</t>
    </rPh>
    <rPh sb="3" eb="5">
      <t>アラヤ</t>
    </rPh>
    <phoneticPr fontId="17"/>
  </si>
  <si>
    <t>株式会社リベルケア</t>
  </si>
  <si>
    <t>R6.9.1
(R1.7.26</t>
  </si>
  <si>
    <t>076-471-8142</t>
  </si>
  <si>
    <t>16B0100139</t>
  </si>
  <si>
    <t>076-461-7700</t>
  </si>
  <si>
    <t>076-413-5331</t>
  </si>
  <si>
    <t>富山市上冨居一丁目7-1</t>
  </si>
  <si>
    <t>076-481-6627</t>
  </si>
  <si>
    <t>富山市大泉町二丁目１−１</t>
    <rPh sb="6" eb="9">
      <t>ニチョウメ</t>
    </rPh>
    <phoneticPr fontId="6"/>
  </si>
  <si>
    <t>富山市豊城町15-7</t>
    <rPh sb="0" eb="3">
      <t>トヤマシ</t>
    </rPh>
    <rPh sb="3" eb="4">
      <t>トヨ</t>
    </rPh>
    <rPh sb="4" eb="5">
      <t>シロ</t>
    </rPh>
    <rPh sb="5" eb="6">
      <t>マチ</t>
    </rPh>
    <phoneticPr fontId="6"/>
  </si>
  <si>
    <t>富山市小西176</t>
  </si>
  <si>
    <t>富山市今泉西部町12−１</t>
  </si>
  <si>
    <t>富山市上袋545-3</t>
  </si>
  <si>
    <t>富山市西番104-1</t>
  </si>
  <si>
    <t>郵便番号</t>
  </si>
  <si>
    <t>076-469-1616</t>
  </si>
  <si>
    <t>076-494-8660</t>
  </si>
  <si>
    <t>076-492-9913</t>
  </si>
  <si>
    <t>076-481-7658</t>
  </si>
  <si>
    <t>ケアメントハウス
花みずき弐番館</t>
    <rPh sb="9" eb="10">
      <t>ハナ</t>
    </rPh>
    <rPh sb="13" eb="15">
      <t>ニバン</t>
    </rPh>
    <rPh sb="15" eb="16">
      <t>カン</t>
    </rPh>
    <phoneticPr fontId="17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19"/>
  </si>
  <si>
    <t>グランヒルズ光陽</t>
    <rPh sb="6" eb="7">
      <t>ヒカリ</t>
    </rPh>
    <rPh sb="7" eb="8">
      <t>ヨウ</t>
    </rPh>
    <phoneticPr fontId="17"/>
  </si>
  <si>
    <t>医心館　富山</t>
    <rPh sb="0" eb="1">
      <t>イ</t>
    </rPh>
    <rPh sb="1" eb="2">
      <t>ココロ</t>
    </rPh>
    <rPh sb="2" eb="3">
      <t>カン</t>
    </rPh>
    <rPh sb="4" eb="6">
      <t>トヤマ</t>
    </rPh>
    <phoneticPr fontId="17"/>
  </si>
  <si>
    <t>有料老人ホーム鈴の音飯野</t>
  </si>
  <si>
    <t>富山市上冨居二丁目2番27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17"/>
  </si>
  <si>
    <t>富山市蓮町四丁目6番3号</t>
    <rPh sb="0" eb="3">
      <t>トヤマシ</t>
    </rPh>
    <rPh sb="3" eb="4">
      <t>ハス</t>
    </rPh>
    <rPh sb="4" eb="5">
      <t>マチ</t>
    </rPh>
    <rPh sb="5" eb="6">
      <t>ヨン</t>
    </rPh>
    <rPh sb="6" eb="8">
      <t>チョウメ</t>
    </rPh>
    <rPh sb="9" eb="10">
      <t>バン</t>
    </rPh>
    <rPh sb="11" eb="12">
      <t>ゴウ</t>
    </rPh>
    <phoneticPr fontId="17"/>
  </si>
  <si>
    <t>富山市呉羽町2164-1</t>
    <rPh sb="0" eb="6">
      <t>トヤマシクレハマチ</t>
    </rPh>
    <phoneticPr fontId="17"/>
  </si>
  <si>
    <t>下堀51番地1</t>
  </si>
  <si>
    <t>富山市今泉185番地1</t>
    <rPh sb="0" eb="3">
      <t>トヤマシ</t>
    </rPh>
    <rPh sb="3" eb="5">
      <t>イマイズミ</t>
    </rPh>
    <rPh sb="8" eb="10">
      <t>バンチ</t>
    </rPh>
    <phoneticPr fontId="17"/>
  </si>
  <si>
    <t>富山市経田1231番地</t>
    <rPh sb="0" eb="3">
      <t>トヤマシ</t>
    </rPh>
    <rPh sb="3" eb="5">
      <t>キョウデン</t>
    </rPh>
    <rPh sb="9" eb="11">
      <t>バンチ</t>
    </rPh>
    <phoneticPr fontId="17"/>
  </si>
  <si>
    <t xml:space="preserve">富山市飯野18番4 </t>
    <rPh sb="7" eb="8">
      <t>バン</t>
    </rPh>
    <phoneticPr fontId="17"/>
  </si>
  <si>
    <t>R6.4.1
（H23.12.21</t>
  </si>
  <si>
    <t>R6.4.1
（H24.1.25</t>
  </si>
  <si>
    <t>076-482-3521</t>
  </si>
  <si>
    <t>076-411-7512</t>
  </si>
  <si>
    <t>076-482-3522</t>
  </si>
  <si>
    <t xml:space="preserve">076-411-7613 </t>
  </si>
  <si>
    <t>寺町9番1</t>
  </si>
  <si>
    <t>永楽町41番22号</t>
  </si>
  <si>
    <t>076-407-0078</t>
  </si>
  <si>
    <t>076-482-6223</t>
  </si>
  <si>
    <t>076-434-1665</t>
  </si>
  <si>
    <t>介護老人保健施設ささづ苑かがやき</t>
  </si>
  <si>
    <t>076-461-5550</t>
  </si>
  <si>
    <t>ホスピス対応型住宅リベル富山3rd</t>
  </si>
  <si>
    <t>アクアホーム富山秋吉</t>
    <rPh sb="6" eb="10">
      <t>トヤマア</t>
    </rPh>
    <phoneticPr fontId="18"/>
  </si>
  <si>
    <t>富山市秋吉181番地4</t>
    <rPh sb="0" eb="5">
      <t>トヤマシア</t>
    </rPh>
    <rPh sb="8" eb="10">
      <t>バンチ</t>
    </rPh>
    <phoneticPr fontId="18"/>
  </si>
  <si>
    <t>（株）リベルケア</t>
    <rPh sb="0" eb="3">
      <t>カブ</t>
    </rPh>
    <phoneticPr fontId="17"/>
  </si>
  <si>
    <t>（株）手と手</t>
    <rPh sb="3" eb="4">
      <t>テ</t>
    </rPh>
    <rPh sb="5" eb="6">
      <t>テ</t>
    </rPh>
    <phoneticPr fontId="17"/>
  </si>
  <si>
    <t>076-413-7844</t>
  </si>
  <si>
    <t>小泉町11-1</t>
  </si>
  <si>
    <t>076-468-4112</t>
  </si>
  <si>
    <t>076-468-4111</t>
  </si>
  <si>
    <t>富山市花崎８５</t>
    <rPh sb="0" eb="3">
      <t>トヤマシ</t>
    </rPh>
    <rPh sb="3" eb="5">
      <t>ハナサキ</t>
    </rPh>
    <phoneticPr fontId="6"/>
  </si>
  <si>
    <t>富山市太郎丸西町１丁目６－６</t>
  </si>
  <si>
    <t>富山市開発１３３</t>
  </si>
  <si>
    <t>富山市上千俵町１０３</t>
  </si>
  <si>
    <t>野々上340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19"/>
  </si>
  <si>
    <t>富山市小中２９０－１</t>
  </si>
  <si>
    <t>富山市古鍛冶町５－１３</t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19"/>
  </si>
  <si>
    <t>富山市月岡町２－１８９</t>
  </si>
  <si>
    <t>富山市長江五丁目４番３３号</t>
  </si>
  <si>
    <t>富山市水橋新堀１</t>
  </si>
  <si>
    <t>富山市丸の内３－３－２２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19"/>
  </si>
  <si>
    <t>富山市春日３６２－１</t>
    <rPh sb="0" eb="3">
      <t>トヤマシ</t>
    </rPh>
    <rPh sb="3" eb="5">
      <t>カスガ</t>
    </rPh>
    <phoneticPr fontId="19"/>
  </si>
  <si>
    <t>富山市今泉西部町1-3</t>
  </si>
  <si>
    <t>富山市蜷川89</t>
  </si>
  <si>
    <t>富山市吉作１７２５</t>
  </si>
  <si>
    <t>富山市横越180</t>
  </si>
  <si>
    <t>富山市水橋辻ケ堂４６６番８</t>
    <rPh sb="5" eb="6">
      <t>ツジ</t>
    </rPh>
    <rPh sb="7" eb="8">
      <t>ドウ</t>
    </rPh>
    <rPh sb="11" eb="12">
      <t>バン</t>
    </rPh>
    <phoneticPr fontId="6"/>
  </si>
  <si>
    <t>富山市山岸９５</t>
  </si>
  <si>
    <t>富山市水橋新堀1７－１</t>
  </si>
  <si>
    <t>富山市花崎８０</t>
    <rPh sb="0" eb="3">
      <t>トヤマシ</t>
    </rPh>
    <rPh sb="3" eb="4">
      <t>ハナ</t>
    </rPh>
    <rPh sb="4" eb="5">
      <t>サキ</t>
    </rPh>
    <phoneticPr fontId="6"/>
  </si>
  <si>
    <t>鍋田17番27号</t>
  </si>
  <si>
    <t>富山市新村８７－２</t>
    <rPh sb="0" eb="3">
      <t>トヤマシ</t>
    </rPh>
    <rPh sb="3" eb="5">
      <t>シンムラ</t>
    </rPh>
    <phoneticPr fontId="6"/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6"/>
  </si>
  <si>
    <t>向新庄町四丁目14番48号</t>
    <rPh sb="0" eb="3">
      <t>ムカイシンジョウ</t>
    </rPh>
    <phoneticPr fontId="6"/>
  </si>
  <si>
    <t>手屋三丁目8番39号</t>
  </si>
  <si>
    <t>大町66番地1</t>
  </si>
  <si>
    <t>石坂新830番地1</t>
  </si>
  <si>
    <t>西荒屋990</t>
  </si>
  <si>
    <t>太田口通り二丁目2番16号</t>
    <rPh sb="0" eb="3">
      <t>オオタグチ</t>
    </rPh>
    <phoneticPr fontId="6"/>
  </si>
  <si>
    <t>婦中町鵜坂139</t>
  </si>
  <si>
    <t>黒瀬184番地</t>
  </si>
  <si>
    <t>婦中町速星204番</t>
  </si>
  <si>
    <t>石金一丁目2番30号</t>
  </si>
  <si>
    <t>町村69番地1</t>
  </si>
  <si>
    <t>ありがとうホームエンジョイライフ新庄北町</t>
  </si>
  <si>
    <t>長江新町三丁目9番18号</t>
    <rPh sb="0" eb="2">
      <t>ナガエ</t>
    </rPh>
    <phoneticPr fontId="6"/>
  </si>
  <si>
    <t>町村69番地5</t>
  </si>
  <si>
    <t>婦中町上轡田806番1</t>
    <rPh sb="0" eb="2">
      <t>フチュウ</t>
    </rPh>
    <phoneticPr fontId="6"/>
  </si>
  <si>
    <t>中市一丁目27番20号</t>
    <rPh sb="0" eb="1">
      <t>ナカ</t>
    </rPh>
    <phoneticPr fontId="6"/>
  </si>
  <si>
    <t>秋吉147-1</t>
  </si>
  <si>
    <t>婦中町下轡田1001番他</t>
    <rPh sb="0" eb="2">
      <t>フチュウ</t>
    </rPh>
    <rPh sb="2" eb="3">
      <t>マチ</t>
    </rPh>
    <phoneticPr fontId="6"/>
  </si>
  <si>
    <t>076-467-5009</t>
  </si>
  <si>
    <t>076-482-3239</t>
  </si>
  <si>
    <t>076-407-5539</t>
  </si>
  <si>
    <t>076-407-5610</t>
  </si>
  <si>
    <t>076-423-1103</t>
    <phoneticPr fontId="6"/>
  </si>
  <si>
    <t>16B0100147</t>
    <phoneticPr fontId="6"/>
  </si>
  <si>
    <t>富山市水橋辻ｹ堂４６６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6"/>
  </si>
  <si>
    <t>富山市婦中町下轡田１０１９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19"/>
  </si>
  <si>
    <t>ありがとうホーム水橋</t>
    <phoneticPr fontId="6"/>
  </si>
  <si>
    <t>富山市水橋市田袋108番地1</t>
    <phoneticPr fontId="6"/>
  </si>
  <si>
    <t>（株）ミタホーム</t>
    <phoneticPr fontId="6"/>
  </si>
  <si>
    <t>076-461-512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[$-411]ge\.m\.d;@"/>
    <numFmt numFmtId="177" formatCode="\(#,##0\)"/>
    <numFmt numFmtId="178" formatCode="[$-F400]h:mm:ss\ AM/PM"/>
    <numFmt numFmtId="179" formatCode="&quot;富&quot;&quot;‐&quot;0"/>
    <numFmt numFmtId="180" formatCode="&quot;富&quot;&quot;山&quot;&quot;市&quot;@"/>
  </numFmts>
  <fonts count="24" x14ac:knownFonts="1"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name val="ＭＳ Ｐゴシック"/>
      <family val="3"/>
    </font>
    <font>
      <sz val="9.6"/>
      <name val="ＭＳ 明朝"/>
      <family val="1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6"/>
      <name val="ＭＳ Ｐゴシック"/>
      <family val="3"/>
    </font>
    <font>
      <sz val="11"/>
      <name val="BIZ UDゴシック"/>
      <family val="3"/>
    </font>
    <font>
      <sz val="11"/>
      <name val="BIZ UDP明朝 Medium"/>
      <family val="1"/>
    </font>
    <font>
      <sz val="11"/>
      <name val="BIZ UD明朝 Medium"/>
      <family val="1"/>
    </font>
    <font>
      <u/>
      <sz val="11"/>
      <name val="ＭＳ Ｐゴシック"/>
      <family val="3"/>
    </font>
    <font>
      <sz val="11"/>
      <name val="HG丸ｺﾞｼｯｸM-PRO"/>
      <family val="3"/>
    </font>
    <font>
      <sz val="9.6"/>
      <name val="ＭＳ ゴシック"/>
      <family val="3"/>
    </font>
    <font>
      <sz val="11"/>
      <name val="ＭＳ ゴシック"/>
      <family val="3"/>
    </font>
    <font>
      <sz val="9.6"/>
      <name val="BIZ UDP明朝 Medium"/>
      <family val="1"/>
    </font>
    <font>
      <sz val="11"/>
      <color theme="1"/>
      <name val="BIZ UDP明朝 Medium"/>
      <family val="1"/>
    </font>
    <font>
      <sz val="6"/>
      <name val="ＭＳ Ｐゴシック"/>
      <family val="3"/>
    </font>
    <font>
      <sz val="6"/>
      <name val="ＭＳ 明朝"/>
      <family val="1"/>
    </font>
    <font>
      <sz val="6"/>
      <name val="ＭＳ Ｐ明朝"/>
      <family val="1"/>
    </font>
    <font>
      <sz val="60"/>
      <name val="ＭＳ Ｐゴシック"/>
      <family val="3"/>
    </font>
    <font>
      <sz val="8"/>
      <name val="BIZ UDP明朝 Medium"/>
      <family val="1"/>
      <charset val="128"/>
    </font>
    <font>
      <sz val="12"/>
      <name val="BIZ UD明朝 Medium"/>
      <family val="1"/>
      <charset val="128"/>
    </font>
    <font>
      <sz val="12"/>
      <color theme="1"/>
      <name val="BIZ UD明朝 Medium"/>
      <family val="1"/>
      <charset val="128"/>
    </font>
    <font>
      <sz val="12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</borders>
  <cellStyleXfs count="12">
    <xf numFmtId="0" fontId="0" fillId="0" borderId="0"/>
    <xf numFmtId="0" fontId="1" fillId="0" borderId="0" applyNumberFormat="0" applyFill="0" applyBorder="0" applyAlignment="0" applyProtection="0">
      <alignment vertical="top"/>
      <protection locked="0"/>
    </xf>
    <xf numFmtId="38" fontId="2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0" fontId="4" fillId="0" borderId="0"/>
    <xf numFmtId="0" fontId="4" fillId="0" borderId="0"/>
    <xf numFmtId="0" fontId="4" fillId="0" borderId="0"/>
    <xf numFmtId="0" fontId="5" fillId="0" borderId="0">
      <alignment vertical="center"/>
    </xf>
    <xf numFmtId="0" fontId="5" fillId="0" borderId="0">
      <alignment vertical="center"/>
    </xf>
    <xf numFmtId="0" fontId="2" fillId="0" borderId="0"/>
    <xf numFmtId="0" fontId="3" fillId="0" borderId="0"/>
    <xf numFmtId="0" fontId="2" fillId="0" borderId="0">
      <alignment vertical="center"/>
    </xf>
  </cellStyleXfs>
  <cellXfs count="119">
    <xf numFmtId="0" fontId="0" fillId="0" borderId="0" xfId="0"/>
    <xf numFmtId="0" fontId="7" fillId="0" borderId="0" xfId="9" applyFont="1" applyFill="1"/>
    <xf numFmtId="0" fontId="0" fillId="0" borderId="0" xfId="9" applyFont="1" applyFill="1" applyAlignment="1">
      <alignment horizontal="center"/>
    </xf>
    <xf numFmtId="0" fontId="0" fillId="0" borderId="0" xfId="9" applyFont="1" applyFill="1"/>
    <xf numFmtId="0" fontId="7" fillId="0" borderId="0" xfId="9" applyFont="1" applyFill="1" applyAlignment="1">
      <alignment horizontal="center" shrinkToFit="1"/>
    </xf>
    <xf numFmtId="0" fontId="7" fillId="0" borderId="0" xfId="9" applyFont="1" applyFill="1" applyAlignment="1">
      <alignment horizontal="center"/>
    </xf>
    <xf numFmtId="176" fontId="7" fillId="0" borderId="0" xfId="9" applyNumberFormat="1" applyFont="1" applyFill="1"/>
    <xf numFmtId="0" fontId="0" fillId="0" borderId="0" xfId="9" applyFont="1" applyFill="1" applyAlignment="1">
      <alignment horizontal="center" shrinkToFit="1"/>
    </xf>
    <xf numFmtId="0" fontId="8" fillId="0" borderId="1" xfId="9" applyFont="1" applyFill="1" applyBorder="1" applyAlignment="1">
      <alignment horizontal="center" shrinkToFit="1"/>
    </xf>
    <xf numFmtId="0" fontId="8" fillId="0" borderId="2" xfId="9" applyFont="1" applyFill="1" applyBorder="1"/>
    <xf numFmtId="0" fontId="8" fillId="0" borderId="3" xfId="9" applyFont="1" applyFill="1" applyBorder="1" applyAlignment="1">
      <alignment horizontal="center" shrinkToFit="1"/>
    </xf>
    <xf numFmtId="0" fontId="8" fillId="0" borderId="4" xfId="9" applyFont="1" applyFill="1" applyBorder="1"/>
    <xf numFmtId="0" fontId="7" fillId="0" borderId="0" xfId="9" applyFont="1" applyFill="1" applyAlignment="1" applyProtection="1"/>
    <xf numFmtId="0" fontId="8" fillId="0" borderId="4" xfId="9" applyFont="1" applyFill="1" applyBorder="1" applyAlignment="1">
      <alignment horizontal="center" shrinkToFit="1"/>
    </xf>
    <xf numFmtId="0" fontId="8" fillId="0" borderId="4" xfId="9" applyFont="1" applyFill="1" applyBorder="1" applyAlignment="1">
      <alignment horizontal="center"/>
    </xf>
    <xf numFmtId="176" fontId="8" fillId="0" borderId="7" xfId="9" applyNumberFormat="1" applyFont="1" applyFill="1" applyBorder="1" applyAlignment="1">
      <alignment horizontal="center" shrinkToFit="1"/>
    </xf>
    <xf numFmtId="0" fontId="9" fillId="0" borderId="1" xfId="9" applyFont="1" applyFill="1" applyBorder="1" applyAlignment="1">
      <alignment horizontal="center" shrinkToFit="1"/>
    </xf>
    <xf numFmtId="0" fontId="9" fillId="0" borderId="3" xfId="9" applyFont="1" applyFill="1" applyBorder="1" applyAlignment="1">
      <alignment horizontal="center" shrinkToFit="1"/>
    </xf>
    <xf numFmtId="0" fontId="9" fillId="0" borderId="4" xfId="9" applyFont="1" applyFill="1" applyBorder="1" applyAlignment="1">
      <alignment horizontal="center" shrinkToFit="1"/>
    </xf>
    <xf numFmtId="176" fontId="9" fillId="0" borderId="7" xfId="9" applyNumberFormat="1" applyFont="1" applyFill="1" applyBorder="1" applyAlignment="1">
      <alignment horizontal="center" shrinkToFit="1"/>
    </xf>
    <xf numFmtId="38" fontId="7" fillId="0" borderId="0" xfId="2" applyFont="1" applyFill="1"/>
    <xf numFmtId="0" fontId="7" fillId="0" borderId="0" xfId="9" applyFont="1" applyFill="1" applyBorder="1" applyAlignment="1">
      <alignment horizontal="center" shrinkToFit="1"/>
    </xf>
    <xf numFmtId="176" fontId="9" fillId="0" borderId="4" xfId="9" applyNumberFormat="1" applyFont="1" applyFill="1" applyBorder="1" applyAlignment="1">
      <alignment horizontal="center" shrinkToFit="1"/>
    </xf>
    <xf numFmtId="176" fontId="7" fillId="0" borderId="0" xfId="9" applyNumberFormat="1" applyFont="1" applyFill="1" applyBorder="1"/>
    <xf numFmtId="0" fontId="10" fillId="0" borderId="0" xfId="1" applyFont="1" applyFill="1" applyAlignment="1" applyProtection="1"/>
    <xf numFmtId="0" fontId="11" fillId="0" borderId="0" xfId="9" applyFont="1" applyFill="1" applyAlignment="1">
      <alignment horizontal="center"/>
    </xf>
    <xf numFmtId="0" fontId="11" fillId="0" borderId="0" xfId="9" applyFont="1" applyFill="1"/>
    <xf numFmtId="0" fontId="11" fillId="0" borderId="0" xfId="9" applyFont="1" applyFill="1" applyAlignment="1">
      <alignment horizontal="center" shrinkToFit="1"/>
    </xf>
    <xf numFmtId="0" fontId="11" fillId="0" borderId="12" xfId="0" applyFont="1" applyFill="1" applyBorder="1" applyAlignment="1">
      <alignment horizontal="center" shrinkToFit="1"/>
    </xf>
    <xf numFmtId="0" fontId="11" fillId="0" borderId="12" xfId="0" applyFont="1" applyFill="1" applyBorder="1"/>
    <xf numFmtId="0" fontId="8" fillId="0" borderId="0" xfId="0" applyFont="1" applyBorder="1" applyAlignment="1">
      <alignment horizontal="center"/>
    </xf>
    <xf numFmtId="0" fontId="8" fillId="0" borderId="9" xfId="9" applyFont="1" applyFill="1" applyBorder="1" applyAlignment="1">
      <alignment horizontal="center"/>
    </xf>
    <xf numFmtId="0" fontId="8" fillId="0" borderId="7" xfId="0" applyFont="1" applyFill="1" applyBorder="1" applyAlignment="1">
      <alignment horizontal="center" shrinkToFit="1"/>
    </xf>
    <xf numFmtId="0" fontId="8" fillId="0" borderId="8" xfId="0" applyFont="1" applyFill="1" applyBorder="1" applyAlignment="1">
      <alignment horizontal="center"/>
    </xf>
    <xf numFmtId="0" fontId="12" fillId="0" borderId="0" xfId="10" applyFont="1" applyAlignment="1">
      <alignment vertical="center"/>
    </xf>
    <xf numFmtId="0" fontId="12" fillId="0" borderId="0" xfId="10" applyFont="1" applyAlignment="1">
      <alignment vertical="center" wrapText="1"/>
    </xf>
    <xf numFmtId="176" fontId="12" fillId="0" borderId="0" xfId="10" applyNumberFormat="1" applyFont="1" applyAlignment="1">
      <alignment horizontal="center" vertical="center" shrinkToFit="1"/>
    </xf>
    <xf numFmtId="0" fontId="12" fillId="0" borderId="0" xfId="10" applyFont="1" applyAlignment="1">
      <alignment horizontal="center" vertical="center"/>
    </xf>
    <xf numFmtId="0" fontId="12" fillId="0" borderId="0" xfId="10" applyFont="1" applyAlignment="1">
      <alignment vertical="center" shrinkToFit="1"/>
    </xf>
    <xf numFmtId="0" fontId="13" fillId="0" borderId="0" xfId="10" applyFont="1" applyFill="1" applyAlignment="1">
      <alignment vertical="center"/>
    </xf>
    <xf numFmtId="0" fontId="13" fillId="0" borderId="0" xfId="10" applyFont="1" applyFill="1" applyAlignment="1">
      <alignment wrapText="1"/>
    </xf>
    <xf numFmtId="0" fontId="13" fillId="0" borderId="0" xfId="10" applyFont="1" applyAlignment="1"/>
    <xf numFmtId="0" fontId="12" fillId="0" borderId="0" xfId="0" applyFont="1" applyAlignment="1"/>
    <xf numFmtId="0" fontId="13" fillId="0" borderId="0" xfId="0" applyFont="1" applyBorder="1" applyAlignment="1"/>
    <xf numFmtId="0" fontId="14" fillId="0" borderId="0" xfId="0" applyFont="1" applyBorder="1" applyAlignment="1">
      <alignment vertical="center"/>
    </xf>
    <xf numFmtId="0" fontId="8" fillId="0" borderId="4" xfId="10" applyFont="1" applyFill="1" applyBorder="1" applyAlignment="1">
      <alignment horizontal="center" vertical="center"/>
    </xf>
    <xf numFmtId="0" fontId="8" fillId="0" borderId="4" xfId="10" applyFont="1" applyFill="1" applyBorder="1" applyAlignment="1"/>
    <xf numFmtId="0" fontId="8" fillId="0" borderId="4" xfId="10" applyFont="1" applyFill="1" applyBorder="1" applyAlignment="1">
      <alignment horizontal="left"/>
    </xf>
    <xf numFmtId="0" fontId="15" fillId="0" borderId="4" xfId="10" applyFont="1" applyFill="1" applyBorder="1" applyAlignment="1">
      <alignment horizontal="left"/>
    </xf>
    <xf numFmtId="178" fontId="15" fillId="0" borderId="4" xfId="10" applyNumberFormat="1" applyFont="1" applyFill="1" applyBorder="1" applyAlignment="1">
      <alignment horizontal="left"/>
    </xf>
    <xf numFmtId="178" fontId="8" fillId="0" borderId="4" xfId="10" applyNumberFormat="1" applyFont="1" applyFill="1" applyBorder="1" applyAlignment="1">
      <alignment horizontal="left"/>
    </xf>
    <xf numFmtId="0" fontId="8" fillId="0" borderId="4" xfId="10" applyFont="1" applyFill="1" applyBorder="1" applyAlignment="1">
      <alignment horizontal="center" vertical="center" wrapText="1"/>
    </xf>
    <xf numFmtId="0" fontId="15" fillId="0" borderId="4" xfId="10" applyFont="1" applyFill="1" applyBorder="1" applyAlignment="1">
      <alignment horizontal="left" wrapText="1"/>
    </xf>
    <xf numFmtId="0" fontId="8" fillId="0" borderId="4" xfId="10" applyFont="1" applyFill="1" applyBorder="1" applyAlignment="1">
      <alignment horizontal="left" wrapText="1"/>
    </xf>
    <xf numFmtId="178" fontId="15" fillId="0" borderId="4" xfId="10" applyNumberFormat="1" applyFont="1" applyFill="1" applyBorder="1" applyAlignment="1">
      <alignment horizontal="left" wrapText="1"/>
    </xf>
    <xf numFmtId="178" fontId="8" fillId="0" borderId="4" xfId="10" applyNumberFormat="1" applyFont="1" applyFill="1" applyBorder="1" applyAlignment="1">
      <alignment horizontal="left" wrapText="1"/>
    </xf>
    <xf numFmtId="176" fontId="8" fillId="0" borderId="4" xfId="10" applyNumberFormat="1" applyFont="1" applyFill="1" applyBorder="1" applyAlignment="1">
      <alignment horizontal="center" vertical="center" wrapText="1" shrinkToFit="1"/>
    </xf>
    <xf numFmtId="176" fontId="8" fillId="0" borderId="4" xfId="10" applyNumberFormat="1" applyFont="1" applyFill="1" applyBorder="1" applyAlignment="1">
      <alignment horizontal="center" wrapText="1" shrinkToFit="1"/>
    </xf>
    <xf numFmtId="176" fontId="8" fillId="0" borderId="4" xfId="10" applyNumberFormat="1" applyFont="1" applyFill="1" applyBorder="1" applyAlignment="1">
      <alignment horizontal="center" shrinkToFit="1"/>
    </xf>
    <xf numFmtId="49" fontId="8" fillId="0" borderId="4" xfId="10" applyNumberFormat="1" applyFont="1" applyFill="1" applyBorder="1" applyAlignment="1">
      <alignment horizontal="center" wrapText="1" shrinkToFit="1"/>
    </xf>
    <xf numFmtId="0" fontId="15" fillId="0" borderId="4" xfId="10" applyFont="1" applyFill="1" applyBorder="1" applyAlignment="1">
      <alignment horizontal="center" wrapText="1"/>
    </xf>
    <xf numFmtId="0" fontId="15" fillId="0" borderId="4" xfId="10" applyFont="1" applyFill="1" applyBorder="1" applyAlignment="1">
      <alignment horizontal="center"/>
    </xf>
    <xf numFmtId="0" fontId="8" fillId="0" borderId="4" xfId="10" applyFont="1" applyBorder="1" applyAlignment="1">
      <alignment horizontal="center" wrapText="1"/>
    </xf>
    <xf numFmtId="0" fontId="8" fillId="0" borderId="4" xfId="10" applyFont="1" applyFill="1" applyBorder="1" applyAlignment="1">
      <alignment horizontal="center" vertical="center" shrinkToFit="1"/>
    </xf>
    <xf numFmtId="0" fontId="15" fillId="0" borderId="4" xfId="10" applyFont="1" applyFill="1" applyBorder="1" applyAlignment="1">
      <alignment horizontal="center" shrinkToFit="1"/>
    </xf>
    <xf numFmtId="178" fontId="15" fillId="0" borderId="4" xfId="10" applyNumberFormat="1" applyFont="1" applyBorder="1" applyAlignment="1">
      <alignment horizontal="center" shrinkToFit="1"/>
    </xf>
    <xf numFmtId="178" fontId="8" fillId="0" borderId="4" xfId="10" applyNumberFormat="1" applyFont="1" applyBorder="1" applyAlignment="1">
      <alignment horizontal="center" shrinkToFit="1"/>
    </xf>
    <xf numFmtId="0" fontId="8" fillId="0" borderId="9" xfId="9" applyFont="1" applyFill="1" applyBorder="1" applyAlignment="1">
      <alignment horizontal="center" shrinkToFit="1"/>
    </xf>
    <xf numFmtId="0" fontId="7" fillId="0" borderId="0" xfId="11" applyFont="1" applyFill="1" applyAlignment="1">
      <alignment horizontal="center" vertical="center"/>
    </xf>
    <xf numFmtId="0" fontId="7" fillId="0" borderId="0" xfId="11" applyFont="1" applyFill="1" applyAlignment="1">
      <alignment vertical="center" wrapText="1"/>
    </xf>
    <xf numFmtId="0" fontId="0" fillId="0" borderId="0" xfId="11" applyFont="1">
      <alignment vertical="center"/>
    </xf>
    <xf numFmtId="0" fontId="7" fillId="0" borderId="0" xfId="11" applyFont="1" applyFill="1" applyAlignment="1">
      <alignment horizontal="center" vertical="center" wrapText="1"/>
    </xf>
    <xf numFmtId="0" fontId="16" fillId="0" borderId="0" xfId="11" applyFont="1" applyFill="1">
      <alignment vertical="center"/>
    </xf>
    <xf numFmtId="0" fontId="16" fillId="0" borderId="0" xfId="11" applyFont="1" applyAlignment="1"/>
    <xf numFmtId="179" fontId="8" fillId="0" borderId="4" xfId="11" applyNumberFormat="1" applyFont="1" applyFill="1" applyBorder="1" applyAlignment="1">
      <alignment horizontal="center" shrinkToFit="1"/>
    </xf>
    <xf numFmtId="179" fontId="7" fillId="0" borderId="0" xfId="11" applyNumberFormat="1" applyFont="1" applyFill="1" applyBorder="1" applyAlignment="1">
      <alignment horizontal="center" vertical="center" shrinkToFit="1"/>
    </xf>
    <xf numFmtId="0" fontId="7" fillId="0" borderId="0" xfId="11" applyFont="1" applyFill="1" applyBorder="1" applyAlignment="1">
      <alignment vertical="center" wrapText="1"/>
    </xf>
    <xf numFmtId="0" fontId="7" fillId="0" borderId="0" xfId="11" applyFont="1" applyFill="1" applyBorder="1" applyAlignment="1">
      <alignment horizontal="center" vertical="center"/>
    </xf>
    <xf numFmtId="0" fontId="8" fillId="0" borderId="4" xfId="0" applyFont="1" applyFill="1" applyBorder="1" applyAlignment="1">
      <alignment wrapText="1"/>
    </xf>
    <xf numFmtId="180" fontId="8" fillId="0" borderId="4" xfId="0" applyNumberFormat="1" applyFont="1" applyFill="1" applyBorder="1" applyAlignment="1">
      <alignment wrapText="1"/>
    </xf>
    <xf numFmtId="176" fontId="8" fillId="0" borderId="4" xfId="11" applyNumberFormat="1" applyFont="1" applyFill="1" applyBorder="1" applyAlignment="1">
      <alignment horizontal="center" vertical="center" shrinkToFit="1"/>
    </xf>
    <xf numFmtId="0" fontId="7" fillId="0" borderId="0" xfId="11" applyFont="1" applyFill="1" applyBorder="1" applyAlignment="1">
      <alignment vertical="center" wrapText="1" shrinkToFit="1"/>
    </xf>
    <xf numFmtId="0" fontId="7" fillId="0" borderId="0" xfId="11" applyFont="1" applyFill="1" applyBorder="1" applyAlignment="1" applyProtection="1">
      <alignment vertical="center" wrapText="1"/>
      <protection locked="0"/>
    </xf>
    <xf numFmtId="0" fontId="7" fillId="0" borderId="0" xfId="11" applyFont="1" applyFill="1" applyBorder="1" applyAlignment="1">
      <alignment horizontal="center" vertical="center" wrapText="1"/>
    </xf>
    <xf numFmtId="0" fontId="7" fillId="0" borderId="0" xfId="11" applyFont="1" applyFill="1" applyBorder="1" applyAlignment="1" applyProtection="1">
      <alignment horizontal="center" vertical="center" wrapText="1"/>
      <protection locked="0"/>
    </xf>
    <xf numFmtId="0" fontId="0" fillId="0" borderId="0" xfId="11" applyFont="1" applyAlignment="1"/>
    <xf numFmtId="0" fontId="21" fillId="0" borderId="2" xfId="0" applyFont="1" applyBorder="1"/>
    <xf numFmtId="0" fontId="21" fillId="0" borderId="4" xfId="0" applyFont="1" applyBorder="1" applyAlignment="1">
      <alignment horizontal="center"/>
    </xf>
    <xf numFmtId="0" fontId="21" fillId="0" borderId="4" xfId="0" applyFont="1" applyBorder="1"/>
    <xf numFmtId="177" fontId="21" fillId="0" borderId="4" xfId="0" applyNumberFormat="1" applyFont="1" applyBorder="1" applyAlignment="1">
      <alignment horizontal="left"/>
    </xf>
    <xf numFmtId="0" fontId="21" fillId="0" borderId="4" xfId="0" applyFont="1" applyBorder="1" applyAlignment="1">
      <alignment horizontal="center" shrinkToFit="1"/>
    </xf>
    <xf numFmtId="176" fontId="21" fillId="0" borderId="8" xfId="0" applyNumberFormat="1" applyFont="1" applyBorder="1" applyAlignment="1">
      <alignment horizontal="right"/>
    </xf>
    <xf numFmtId="176" fontId="21" fillId="0" borderId="9" xfId="0" applyNumberFormat="1" applyFont="1" applyBorder="1" applyAlignment="1">
      <alignment horizontal="right"/>
    </xf>
    <xf numFmtId="0" fontId="21" fillId="0" borderId="5" xfId="0" applyFont="1" applyBorder="1" applyAlignment="1">
      <alignment horizontal="center"/>
    </xf>
    <xf numFmtId="0" fontId="21" fillId="0" borderId="5" xfId="0" applyFont="1" applyBorder="1"/>
    <xf numFmtId="177" fontId="21" fillId="0" borderId="5" xfId="0" applyNumberFormat="1" applyFont="1" applyBorder="1" applyAlignment="1">
      <alignment horizontal="left"/>
    </xf>
    <xf numFmtId="0" fontId="21" fillId="0" borderId="5" xfId="0" applyFont="1" applyBorder="1" applyAlignment="1">
      <alignment horizontal="center" shrinkToFit="1"/>
    </xf>
    <xf numFmtId="176" fontId="21" fillId="0" borderId="10" xfId="0" applyNumberFormat="1" applyFont="1" applyBorder="1" applyAlignment="1">
      <alignment horizontal="right"/>
    </xf>
    <xf numFmtId="0" fontId="21" fillId="0" borderId="6" xfId="0" applyFont="1" applyBorder="1" applyAlignment="1">
      <alignment horizontal="center" wrapText="1"/>
    </xf>
    <xf numFmtId="0" fontId="21" fillId="0" borderId="4" xfId="0" quotePrefix="1" applyFont="1" applyBorder="1" applyAlignment="1">
      <alignment horizontal="center"/>
    </xf>
    <xf numFmtId="57" fontId="21" fillId="0" borderId="9" xfId="0" quotePrefix="1" applyNumberFormat="1" applyFont="1" applyBorder="1" applyAlignment="1">
      <alignment horizontal="right"/>
    </xf>
    <xf numFmtId="176" fontId="21" fillId="0" borderId="8" xfId="0" applyNumberFormat="1" applyFont="1" applyBorder="1"/>
    <xf numFmtId="0" fontId="22" fillId="0" borderId="4" xfId="0" applyFont="1" applyBorder="1" applyAlignment="1">
      <alignment horizontal="center"/>
    </xf>
    <xf numFmtId="0" fontId="21" fillId="0" borderId="11" xfId="0" applyFont="1" applyBorder="1"/>
    <xf numFmtId="176" fontId="21" fillId="0" borderId="10" xfId="0" applyNumberFormat="1" applyFont="1" applyBorder="1"/>
    <xf numFmtId="0" fontId="21" fillId="2" borderId="5" xfId="0" applyFont="1" applyFill="1" applyBorder="1"/>
    <xf numFmtId="0" fontId="21" fillId="2" borderId="5" xfId="0" applyFont="1" applyFill="1" applyBorder="1" applyAlignment="1">
      <alignment horizontal="center"/>
    </xf>
    <xf numFmtId="0" fontId="21" fillId="2" borderId="4" xfId="0" applyFont="1" applyFill="1" applyBorder="1" applyAlignment="1">
      <alignment horizontal="center" shrinkToFit="1"/>
    </xf>
    <xf numFmtId="0" fontId="21" fillId="2" borderId="4" xfId="0" applyFont="1" applyFill="1" applyBorder="1" applyAlignment="1">
      <alignment horizontal="center"/>
    </xf>
    <xf numFmtId="0" fontId="21" fillId="2" borderId="4" xfId="0" applyFont="1" applyFill="1" applyBorder="1"/>
    <xf numFmtId="0" fontId="8" fillId="0" borderId="4" xfId="10" applyFont="1" applyBorder="1"/>
    <xf numFmtId="0" fontId="8" fillId="0" borderId="4" xfId="10" applyFont="1" applyBorder="1" applyAlignment="1">
      <alignment horizontal="left"/>
    </xf>
    <xf numFmtId="0" fontId="8" fillId="0" borderId="4" xfId="10" applyFont="1" applyBorder="1" applyAlignment="1">
      <alignment horizontal="left" wrapText="1"/>
    </xf>
    <xf numFmtId="176" fontId="8" fillId="0" borderId="4" xfId="10" applyNumberFormat="1" applyFont="1" applyBorder="1" applyAlignment="1">
      <alignment horizontal="center" shrinkToFit="1"/>
    </xf>
    <xf numFmtId="0" fontId="8" fillId="0" borderId="4" xfId="9" applyFont="1" applyBorder="1" applyAlignment="1">
      <alignment horizontal="center"/>
    </xf>
    <xf numFmtId="0" fontId="14" fillId="0" borderId="0" xfId="0" applyFont="1" applyAlignment="1">
      <alignment vertical="center"/>
    </xf>
    <xf numFmtId="0" fontId="8" fillId="0" borderId="3" xfId="9" applyFont="1" applyFill="1" applyBorder="1" applyAlignment="1">
      <alignment horizontal="center" wrapText="1" shrinkToFit="1"/>
    </xf>
    <xf numFmtId="0" fontId="8" fillId="0" borderId="3" xfId="9" applyFont="1" applyFill="1" applyBorder="1" applyAlignment="1">
      <alignment horizontal="center" shrinkToFit="1"/>
    </xf>
    <xf numFmtId="0" fontId="23" fillId="0" borderId="4" xfId="0" applyFont="1" applyBorder="1" applyAlignment="1">
      <alignment horizontal="center" shrinkToFit="1"/>
    </xf>
  </cellXfs>
  <cellStyles count="12">
    <cellStyle name="ハイパーリンク 2" xfId="1" xr:uid="{00000000-0005-0000-0000-000000000000}"/>
    <cellStyle name="桁区切り 2" xfId="2" xr:uid="{00000000-0005-0000-0000-000001000000}"/>
    <cellStyle name="桁区切り 3" xfId="3" xr:uid="{00000000-0005-0000-0000-000002000000}"/>
    <cellStyle name="標準" xfId="0" builtinId="0"/>
    <cellStyle name="標準 2" xfId="4" xr:uid="{00000000-0005-0000-0000-000004000000}"/>
    <cellStyle name="標準 2 2" xfId="5" xr:uid="{00000000-0005-0000-0000-000005000000}"/>
    <cellStyle name="標準 2 3" xfId="6" xr:uid="{00000000-0005-0000-0000-000006000000}"/>
    <cellStyle name="標準 3" xfId="7" xr:uid="{00000000-0005-0000-0000-000007000000}"/>
    <cellStyle name="標準 4" xfId="8" xr:uid="{00000000-0005-0000-0000-000008000000}"/>
    <cellStyle name="標準 5" xfId="9" xr:uid="{00000000-0005-0000-0000-000009000000}"/>
    <cellStyle name="標準 6" xfId="10" xr:uid="{00000000-0005-0000-0000-00000A000000}"/>
    <cellStyle name="標準 7" xfId="11" xr:uid="{00000000-0005-0000-0000-00000B000000}"/>
  </cellStyles>
  <dxfs count="0"/>
  <tableStyles count="0" defaultTableStyle="TableStyleMedium9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66FFFF"/>
    <pageSetUpPr fitToPage="1"/>
  </sheetPr>
  <dimension ref="A1:K28"/>
  <sheetViews>
    <sheetView tabSelected="1" view="pageBreakPreview" zoomScale="85" zoomScaleSheetLayoutView="85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25" style="1" customWidth="1"/>
    <col min="2" max="2" width="16.125" style="1" bestFit="1" customWidth="1"/>
    <col min="3" max="3" width="44.625" style="1" customWidth="1"/>
    <col min="4" max="4" width="8.5" style="1" customWidth="1"/>
    <col min="5" max="5" width="7.25" style="1" customWidth="1"/>
    <col min="6" max="6" width="15.375" style="2" bestFit="1" customWidth="1"/>
    <col min="7" max="7" width="29.5" style="3" customWidth="1"/>
    <col min="8" max="8" width="10" style="4" customWidth="1"/>
    <col min="9" max="10" width="17.625" style="5" customWidth="1"/>
    <col min="11" max="11" width="10.875" style="6" bestFit="1" customWidth="1"/>
    <col min="12" max="12" width="11.75" style="3" bestFit="1" customWidth="1"/>
    <col min="13" max="16384" width="9" style="3"/>
  </cols>
  <sheetData>
    <row r="1" spans="1:11" s="7" customFormat="1" ht="37.5" customHeight="1" x14ac:dyDescent="0.15">
      <c r="A1" s="8"/>
      <c r="B1" s="10" t="s">
        <v>8</v>
      </c>
      <c r="C1" s="10" t="s">
        <v>61</v>
      </c>
      <c r="D1" s="116" t="s">
        <v>138</v>
      </c>
      <c r="E1" s="117"/>
      <c r="F1" s="10" t="s">
        <v>58</v>
      </c>
      <c r="G1" s="10" t="s">
        <v>90</v>
      </c>
      <c r="H1" s="10" t="s">
        <v>348</v>
      </c>
      <c r="I1" s="10" t="s">
        <v>91</v>
      </c>
      <c r="J1" s="10" t="s">
        <v>93</v>
      </c>
      <c r="K1" s="15" t="s">
        <v>96</v>
      </c>
    </row>
    <row r="2" spans="1:11" ht="24" customHeight="1" x14ac:dyDescent="0.15">
      <c r="A2" s="86">
        <v>1</v>
      </c>
      <c r="B2" s="87">
        <v>1670100500</v>
      </c>
      <c r="C2" s="88" t="s">
        <v>350</v>
      </c>
      <c r="D2" s="88">
        <v>150</v>
      </c>
      <c r="E2" s="89"/>
      <c r="F2" s="87">
        <v>9398281</v>
      </c>
      <c r="G2" s="88" t="s">
        <v>776</v>
      </c>
      <c r="H2" s="90" t="s">
        <v>353</v>
      </c>
      <c r="I2" s="87" t="s">
        <v>354</v>
      </c>
      <c r="J2" s="87" t="s">
        <v>355</v>
      </c>
      <c r="K2" s="91">
        <v>36617</v>
      </c>
    </row>
    <row r="3" spans="1:11" ht="24" customHeight="1" x14ac:dyDescent="0.15">
      <c r="A3" s="86">
        <v>2</v>
      </c>
      <c r="B3" s="87">
        <v>1670100641</v>
      </c>
      <c r="C3" s="88" t="s">
        <v>356</v>
      </c>
      <c r="D3" s="88">
        <v>68</v>
      </c>
      <c r="E3" s="89">
        <v>68</v>
      </c>
      <c r="F3" s="87">
        <v>9398222</v>
      </c>
      <c r="G3" s="88" t="s">
        <v>777</v>
      </c>
      <c r="H3" s="90" t="s">
        <v>154</v>
      </c>
      <c r="I3" s="87" t="s">
        <v>358</v>
      </c>
      <c r="J3" s="87" t="s">
        <v>362</v>
      </c>
      <c r="K3" s="91">
        <v>36617</v>
      </c>
    </row>
    <row r="4" spans="1:11" ht="24" customHeight="1" x14ac:dyDescent="0.15">
      <c r="A4" s="86">
        <v>3</v>
      </c>
      <c r="B4" s="87">
        <v>1670100773</v>
      </c>
      <c r="C4" s="88" t="s">
        <v>363</v>
      </c>
      <c r="D4" s="88">
        <v>90</v>
      </c>
      <c r="E4" s="89">
        <v>90</v>
      </c>
      <c r="F4" s="87">
        <v>9300142</v>
      </c>
      <c r="G4" s="88" t="s">
        <v>778</v>
      </c>
      <c r="H4" s="90" t="s">
        <v>253</v>
      </c>
      <c r="I4" s="87" t="s">
        <v>365</v>
      </c>
      <c r="J4" s="87" t="s">
        <v>367</v>
      </c>
      <c r="K4" s="91">
        <v>36617</v>
      </c>
    </row>
    <row r="5" spans="1:11" ht="24" customHeight="1" x14ac:dyDescent="0.15">
      <c r="A5" s="86">
        <v>4</v>
      </c>
      <c r="B5" s="87">
        <v>1670100815</v>
      </c>
      <c r="C5" s="88" t="s">
        <v>368</v>
      </c>
      <c r="D5" s="88">
        <v>80</v>
      </c>
      <c r="E5" s="89"/>
      <c r="F5" s="87">
        <v>9302233</v>
      </c>
      <c r="G5" s="88" t="s">
        <v>369</v>
      </c>
      <c r="H5" s="90" t="s">
        <v>372</v>
      </c>
      <c r="I5" s="87" t="s">
        <v>262</v>
      </c>
      <c r="J5" s="87" t="s">
        <v>255</v>
      </c>
      <c r="K5" s="91">
        <v>36617</v>
      </c>
    </row>
    <row r="6" spans="1:11" ht="24" customHeight="1" x14ac:dyDescent="0.15">
      <c r="A6" s="86">
        <v>5</v>
      </c>
      <c r="B6" s="87">
        <v>1670100484</v>
      </c>
      <c r="C6" s="88" t="s">
        <v>269</v>
      </c>
      <c r="D6" s="88">
        <v>40</v>
      </c>
      <c r="E6" s="89"/>
      <c r="F6" s="87">
        <v>9318412</v>
      </c>
      <c r="G6" s="88" t="s">
        <v>779</v>
      </c>
      <c r="H6" s="90" t="s">
        <v>95</v>
      </c>
      <c r="I6" s="87" t="s">
        <v>112</v>
      </c>
      <c r="J6" s="87" t="s">
        <v>146</v>
      </c>
      <c r="K6" s="91">
        <v>36617</v>
      </c>
    </row>
    <row r="7" spans="1:11" ht="26.25" customHeight="1" x14ac:dyDescent="0.15">
      <c r="A7" s="86">
        <v>6</v>
      </c>
      <c r="B7" s="87">
        <v>1670114501</v>
      </c>
      <c r="C7" s="88" t="s">
        <v>269</v>
      </c>
      <c r="D7" s="88">
        <v>60</v>
      </c>
      <c r="E7" s="89">
        <v>60</v>
      </c>
      <c r="F7" s="87">
        <v>9318412</v>
      </c>
      <c r="G7" s="88" t="s">
        <v>779</v>
      </c>
      <c r="H7" s="90" t="s">
        <v>95</v>
      </c>
      <c r="I7" s="87" t="s">
        <v>112</v>
      </c>
      <c r="J7" s="87" t="s">
        <v>146</v>
      </c>
      <c r="K7" s="92">
        <v>43466</v>
      </c>
    </row>
    <row r="8" spans="1:11" ht="24" customHeight="1" x14ac:dyDescent="0.15">
      <c r="A8" s="86">
        <v>7</v>
      </c>
      <c r="B8" s="87">
        <v>1670100419</v>
      </c>
      <c r="C8" s="88" t="s">
        <v>306</v>
      </c>
      <c r="D8" s="88">
        <v>100</v>
      </c>
      <c r="E8" s="89"/>
      <c r="F8" s="87">
        <v>9398025</v>
      </c>
      <c r="G8" s="88" t="s">
        <v>373</v>
      </c>
      <c r="H8" s="90" t="s">
        <v>377</v>
      </c>
      <c r="I8" s="87" t="s">
        <v>378</v>
      </c>
      <c r="J8" s="87" t="s">
        <v>380</v>
      </c>
      <c r="K8" s="91">
        <v>36617</v>
      </c>
    </row>
    <row r="9" spans="1:11" ht="24" customHeight="1" x14ac:dyDescent="0.15">
      <c r="A9" s="86">
        <v>8</v>
      </c>
      <c r="B9" s="87">
        <v>1670100591</v>
      </c>
      <c r="C9" s="88" t="s">
        <v>126</v>
      </c>
      <c r="D9" s="88">
        <v>70</v>
      </c>
      <c r="E9" s="89">
        <v>70</v>
      </c>
      <c r="F9" s="87">
        <v>9393515</v>
      </c>
      <c r="G9" s="88" t="s">
        <v>780</v>
      </c>
      <c r="H9" s="90" t="s">
        <v>382</v>
      </c>
      <c r="I9" s="87" t="s">
        <v>249</v>
      </c>
      <c r="J9" s="87" t="s">
        <v>82</v>
      </c>
      <c r="K9" s="91">
        <v>36617</v>
      </c>
    </row>
    <row r="10" spans="1:11" ht="24" customHeight="1" x14ac:dyDescent="0.15">
      <c r="A10" s="86">
        <v>9</v>
      </c>
      <c r="B10" s="87">
        <v>1670100690</v>
      </c>
      <c r="C10" s="88" t="s">
        <v>160</v>
      </c>
      <c r="D10" s="88">
        <v>80</v>
      </c>
      <c r="E10" s="89"/>
      <c r="F10" s="87">
        <v>9302215</v>
      </c>
      <c r="G10" s="88" t="s">
        <v>781</v>
      </c>
      <c r="H10" s="90" t="s">
        <v>387</v>
      </c>
      <c r="I10" s="87" t="s">
        <v>389</v>
      </c>
      <c r="J10" s="87" t="s">
        <v>391</v>
      </c>
      <c r="K10" s="91">
        <v>36617</v>
      </c>
    </row>
    <row r="11" spans="1:11" ht="24" customHeight="1" x14ac:dyDescent="0.15">
      <c r="A11" s="86">
        <v>10</v>
      </c>
      <c r="B11" s="87">
        <v>1670100831</v>
      </c>
      <c r="C11" s="88" t="s">
        <v>384</v>
      </c>
      <c r="D11" s="88">
        <v>100</v>
      </c>
      <c r="E11" s="89">
        <v>100</v>
      </c>
      <c r="F11" s="87">
        <v>9393535</v>
      </c>
      <c r="G11" s="88" t="s">
        <v>782</v>
      </c>
      <c r="H11" s="90" t="s">
        <v>352</v>
      </c>
      <c r="I11" s="87" t="s">
        <v>393</v>
      </c>
      <c r="J11" s="87" t="s">
        <v>394</v>
      </c>
      <c r="K11" s="91">
        <v>36617</v>
      </c>
    </row>
    <row r="12" spans="1:11" ht="24" customHeight="1" x14ac:dyDescent="0.15">
      <c r="A12" s="86">
        <v>11</v>
      </c>
      <c r="B12" s="87">
        <v>1671500179</v>
      </c>
      <c r="C12" s="88" t="s">
        <v>257</v>
      </c>
      <c r="D12" s="88">
        <v>48</v>
      </c>
      <c r="E12" s="89"/>
      <c r="F12" s="87">
        <v>9392226</v>
      </c>
      <c r="G12" s="88" t="s">
        <v>174</v>
      </c>
      <c r="H12" s="90" t="s">
        <v>396</v>
      </c>
      <c r="I12" s="87" t="s">
        <v>397</v>
      </c>
      <c r="J12" s="87" t="s">
        <v>390</v>
      </c>
      <c r="K12" s="91">
        <v>36617</v>
      </c>
    </row>
    <row r="13" spans="1:11" ht="24" customHeight="1" x14ac:dyDescent="0.15">
      <c r="A13" s="86">
        <v>12</v>
      </c>
      <c r="B13" s="87">
        <v>1671800140</v>
      </c>
      <c r="C13" s="88" t="s">
        <v>67</v>
      </c>
      <c r="D13" s="88">
        <v>42</v>
      </c>
      <c r="E13" s="89"/>
      <c r="F13" s="87">
        <v>9392712</v>
      </c>
      <c r="G13" s="88" t="s">
        <v>3</v>
      </c>
      <c r="H13" s="90" t="s">
        <v>398</v>
      </c>
      <c r="I13" s="87" t="s">
        <v>336</v>
      </c>
      <c r="J13" s="87" t="s">
        <v>400</v>
      </c>
      <c r="K13" s="91">
        <v>36617</v>
      </c>
    </row>
    <row r="14" spans="1:11" ht="24" customHeight="1" x14ac:dyDescent="0.15">
      <c r="A14" s="86">
        <v>13</v>
      </c>
      <c r="B14" s="87">
        <v>1670112752</v>
      </c>
      <c r="C14" s="88" t="s">
        <v>67</v>
      </c>
      <c r="D14" s="88">
        <v>38</v>
      </c>
      <c r="E14" s="89">
        <v>38</v>
      </c>
      <c r="F14" s="87">
        <v>9392712</v>
      </c>
      <c r="G14" s="88" t="s">
        <v>3</v>
      </c>
      <c r="H14" s="90" t="s">
        <v>398</v>
      </c>
      <c r="I14" s="87" t="s">
        <v>336</v>
      </c>
      <c r="J14" s="87" t="s">
        <v>400</v>
      </c>
      <c r="K14" s="91">
        <v>36617</v>
      </c>
    </row>
    <row r="15" spans="1:11" ht="24" customHeight="1" x14ac:dyDescent="0.15">
      <c r="A15" s="86">
        <v>14</v>
      </c>
      <c r="B15" s="87">
        <v>1671500187</v>
      </c>
      <c r="C15" s="88" t="s">
        <v>402</v>
      </c>
      <c r="D15" s="88">
        <v>80</v>
      </c>
      <c r="E15" s="89"/>
      <c r="F15" s="87">
        <v>9301326</v>
      </c>
      <c r="G15" s="88" t="s">
        <v>783</v>
      </c>
      <c r="H15" s="90" t="s">
        <v>404</v>
      </c>
      <c r="I15" s="87" t="s">
        <v>89</v>
      </c>
      <c r="J15" s="87" t="s">
        <v>405</v>
      </c>
      <c r="K15" s="91">
        <v>36617</v>
      </c>
    </row>
    <row r="16" spans="1:11" ht="24" customHeight="1" x14ac:dyDescent="0.15">
      <c r="A16" s="86">
        <v>15</v>
      </c>
      <c r="B16" s="87">
        <v>1671500138</v>
      </c>
      <c r="C16" s="88" t="s">
        <v>407</v>
      </c>
      <c r="D16" s="88">
        <v>50</v>
      </c>
      <c r="E16" s="89"/>
      <c r="F16" s="87">
        <v>9392201</v>
      </c>
      <c r="G16" s="88" t="s">
        <v>785</v>
      </c>
      <c r="H16" s="90" t="s">
        <v>396</v>
      </c>
      <c r="I16" s="87" t="s">
        <v>162</v>
      </c>
      <c r="J16" s="87" t="s">
        <v>409</v>
      </c>
      <c r="K16" s="91">
        <v>36617</v>
      </c>
    </row>
    <row r="17" spans="1:11" ht="24" customHeight="1" x14ac:dyDescent="0.15">
      <c r="A17" s="86">
        <v>16</v>
      </c>
      <c r="B17" s="87">
        <v>1670101888</v>
      </c>
      <c r="C17" s="88" t="s">
        <v>411</v>
      </c>
      <c r="D17" s="88">
        <v>80</v>
      </c>
      <c r="E17" s="89"/>
      <c r="F17" s="87">
        <v>9398121</v>
      </c>
      <c r="G17" s="88" t="s">
        <v>413</v>
      </c>
      <c r="H17" s="90" t="s">
        <v>240</v>
      </c>
      <c r="I17" s="87" t="s">
        <v>417</v>
      </c>
      <c r="J17" s="87" t="s">
        <v>347</v>
      </c>
      <c r="K17" s="91">
        <v>37347</v>
      </c>
    </row>
    <row r="18" spans="1:11" ht="24" customHeight="1" x14ac:dyDescent="0.15">
      <c r="A18" s="86">
        <v>17</v>
      </c>
      <c r="B18" s="87">
        <v>1671800355</v>
      </c>
      <c r="C18" s="88" t="s">
        <v>99</v>
      </c>
      <c r="D18" s="88">
        <v>80</v>
      </c>
      <c r="E18" s="89"/>
      <c r="F18" s="87">
        <v>9392603</v>
      </c>
      <c r="G18" s="88" t="s">
        <v>418</v>
      </c>
      <c r="H18" s="90" t="s">
        <v>398</v>
      </c>
      <c r="I18" s="87" t="s">
        <v>423</v>
      </c>
      <c r="J18" s="87" t="s">
        <v>424</v>
      </c>
      <c r="K18" s="91">
        <v>37438</v>
      </c>
    </row>
    <row r="19" spans="1:11" ht="24" customHeight="1" x14ac:dyDescent="0.15">
      <c r="A19" s="86">
        <v>18</v>
      </c>
      <c r="B19" s="87">
        <v>1671800397</v>
      </c>
      <c r="C19" s="88" t="s">
        <v>78</v>
      </c>
      <c r="D19" s="88">
        <v>50</v>
      </c>
      <c r="E19" s="89"/>
      <c r="F19" s="87">
        <v>9392362</v>
      </c>
      <c r="G19" s="88" t="s">
        <v>425</v>
      </c>
      <c r="H19" s="90" t="s">
        <v>179</v>
      </c>
      <c r="I19" s="87" t="s">
        <v>427</v>
      </c>
      <c r="J19" s="87" t="s">
        <v>428</v>
      </c>
      <c r="K19" s="91">
        <v>37832</v>
      </c>
    </row>
    <row r="20" spans="1:11" ht="24" customHeight="1" x14ac:dyDescent="0.15">
      <c r="A20" s="86">
        <v>19</v>
      </c>
      <c r="B20" s="87">
        <v>1670102621</v>
      </c>
      <c r="C20" s="88" t="s">
        <v>298</v>
      </c>
      <c r="D20" s="88">
        <v>70</v>
      </c>
      <c r="E20" s="89">
        <v>70</v>
      </c>
      <c r="F20" s="87">
        <v>9300802</v>
      </c>
      <c r="G20" s="88" t="s">
        <v>290</v>
      </c>
      <c r="H20" s="90" t="s">
        <v>429</v>
      </c>
      <c r="I20" s="87" t="s">
        <v>177</v>
      </c>
      <c r="J20" s="87" t="s">
        <v>422</v>
      </c>
      <c r="K20" s="91">
        <v>38016</v>
      </c>
    </row>
    <row r="21" spans="1:11" ht="24" customHeight="1" x14ac:dyDescent="0.15">
      <c r="A21" s="86">
        <v>20</v>
      </c>
      <c r="B21" s="87">
        <v>1670103306</v>
      </c>
      <c r="C21" s="88" t="s">
        <v>184</v>
      </c>
      <c r="D21" s="88">
        <v>70</v>
      </c>
      <c r="E21" s="89">
        <v>70</v>
      </c>
      <c r="F21" s="87">
        <v>9398055</v>
      </c>
      <c r="G21" s="88" t="s">
        <v>431</v>
      </c>
      <c r="H21" s="90" t="s">
        <v>434</v>
      </c>
      <c r="I21" s="87" t="s">
        <v>436</v>
      </c>
      <c r="J21" s="87" t="s">
        <v>314</v>
      </c>
      <c r="K21" s="91">
        <v>38596</v>
      </c>
    </row>
    <row r="22" spans="1:11" ht="24" customHeight="1" x14ac:dyDescent="0.15">
      <c r="A22" s="86">
        <v>21</v>
      </c>
      <c r="B22" s="87">
        <v>1670103819</v>
      </c>
      <c r="C22" s="88" t="s">
        <v>438</v>
      </c>
      <c r="D22" s="88">
        <v>70</v>
      </c>
      <c r="E22" s="89">
        <v>70</v>
      </c>
      <c r="F22" s="87">
        <v>9300166</v>
      </c>
      <c r="G22" s="88" t="s">
        <v>442</v>
      </c>
      <c r="H22" s="90" t="s">
        <v>446</v>
      </c>
      <c r="I22" s="87" t="s">
        <v>370</v>
      </c>
      <c r="J22" s="87" t="s">
        <v>403</v>
      </c>
      <c r="K22" s="91">
        <v>38825</v>
      </c>
    </row>
    <row r="23" spans="1:11" ht="24" customHeight="1" x14ac:dyDescent="0.15">
      <c r="A23" s="86">
        <v>22</v>
      </c>
      <c r="B23" s="87">
        <v>1670104213</v>
      </c>
      <c r="C23" s="88" t="s">
        <v>100</v>
      </c>
      <c r="D23" s="88">
        <v>69</v>
      </c>
      <c r="E23" s="89"/>
      <c r="F23" s="87">
        <v>9398032</v>
      </c>
      <c r="G23" s="88" t="s">
        <v>123</v>
      </c>
      <c r="H23" s="90" t="s">
        <v>342</v>
      </c>
      <c r="I23" s="87" t="s">
        <v>109</v>
      </c>
      <c r="J23" s="87" t="s">
        <v>113</v>
      </c>
      <c r="K23" s="91">
        <v>39173</v>
      </c>
    </row>
    <row r="24" spans="1:11" ht="24" customHeight="1" x14ac:dyDescent="0.15">
      <c r="A24" s="86">
        <v>23</v>
      </c>
      <c r="B24" s="93">
        <v>1670112661</v>
      </c>
      <c r="C24" s="94" t="s">
        <v>248</v>
      </c>
      <c r="D24" s="94">
        <v>40</v>
      </c>
      <c r="E24" s="95">
        <v>40</v>
      </c>
      <c r="F24" s="93">
        <v>9300173</v>
      </c>
      <c r="G24" s="94" t="s">
        <v>786</v>
      </c>
      <c r="H24" s="96" t="s">
        <v>202</v>
      </c>
      <c r="I24" s="87" t="s">
        <v>408</v>
      </c>
      <c r="J24" s="93" t="s">
        <v>448</v>
      </c>
      <c r="K24" s="97">
        <v>41640</v>
      </c>
    </row>
    <row r="25" spans="1:11" ht="24" customHeight="1" x14ac:dyDescent="0.15">
      <c r="A25" s="86">
        <v>24</v>
      </c>
      <c r="B25" s="93">
        <v>1670112976</v>
      </c>
      <c r="C25" s="94" t="s">
        <v>450</v>
      </c>
      <c r="D25" s="94">
        <v>36</v>
      </c>
      <c r="E25" s="95">
        <v>36</v>
      </c>
      <c r="F25" s="93">
        <v>9392362</v>
      </c>
      <c r="G25" s="94" t="s">
        <v>215</v>
      </c>
      <c r="H25" s="96" t="s">
        <v>278</v>
      </c>
      <c r="I25" s="98" t="s">
        <v>451</v>
      </c>
      <c r="J25" s="93" t="s">
        <v>428</v>
      </c>
      <c r="K25" s="97">
        <v>41760</v>
      </c>
    </row>
    <row r="26" spans="1:11" ht="26.25" customHeight="1" x14ac:dyDescent="0.15">
      <c r="A26" s="86">
        <v>25</v>
      </c>
      <c r="B26" s="99">
        <v>1670114493</v>
      </c>
      <c r="C26" s="89" t="s">
        <v>454</v>
      </c>
      <c r="D26" s="88">
        <v>41</v>
      </c>
      <c r="E26" s="89">
        <v>41</v>
      </c>
      <c r="F26" s="99">
        <v>9318435</v>
      </c>
      <c r="G26" s="88" t="s">
        <v>401</v>
      </c>
      <c r="H26" s="87" t="s">
        <v>457</v>
      </c>
      <c r="I26" s="90" t="s">
        <v>458</v>
      </c>
      <c r="J26" s="99" t="s">
        <v>460</v>
      </c>
      <c r="K26" s="100">
        <v>43466</v>
      </c>
    </row>
    <row r="28" spans="1:11" x14ac:dyDescent="0.15">
      <c r="D28" s="12"/>
    </row>
  </sheetData>
  <autoFilter ref="A1:K1" xr:uid="{00000000-0001-0000-0000-000000000000}">
    <filterColumn colId="3" showButton="0"/>
  </autoFilter>
  <mergeCells count="1">
    <mergeCell ref="D1:E1"/>
  </mergeCells>
  <phoneticPr fontId="6"/>
  <printOptions horizontalCentered="1"/>
  <pageMargins left="0.59055118110236227" right="0.39370078740157483" top="0.78740157480314965" bottom="0.39370078740157483" header="0.51181102362204722" footer="0.19685039370078741"/>
  <pageSetup paperSize="9" scale="76" orientation="landscape" r:id="rId1"/>
  <headerFooter alignWithMargins="0">
    <oddHeader>&amp;C&amp;14介護老人福祉施設一覧</oddHeader>
    <oddFooter>&amp;C&amp;P&amp;R(&amp;A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66FFFF"/>
  </sheetPr>
  <dimension ref="A1:J18"/>
  <sheetViews>
    <sheetView view="pageBreakPreview" zoomScaleSheetLayoutView="100" workbookViewId="0">
      <pane ySplit="1" topLeftCell="A6" activePane="bottomLeft" state="frozen"/>
      <selection pane="bottomLeft" activeCell="E7" sqref="E7"/>
    </sheetView>
  </sheetViews>
  <sheetFormatPr defaultColWidth="9" defaultRowHeight="13.5" x14ac:dyDescent="0.15"/>
  <cols>
    <col min="1" max="1" width="4.25" style="1" customWidth="1"/>
    <col min="2" max="2" width="16.125" style="1" bestFit="1" customWidth="1"/>
    <col min="3" max="3" width="44.625" style="1" customWidth="1"/>
    <col min="4" max="4" width="7" style="1" customWidth="1"/>
    <col min="5" max="5" width="14.75" style="5" customWidth="1"/>
    <col min="6" max="6" width="32.625" style="3" customWidth="1"/>
    <col min="7" max="7" width="10" style="4" customWidth="1"/>
    <col min="8" max="9" width="17.625" style="5" customWidth="1"/>
    <col min="10" max="10" width="11.125" style="6" bestFit="1" customWidth="1"/>
    <col min="11" max="11" width="11.75" style="3" bestFit="1" customWidth="1"/>
    <col min="12" max="12" width="33.375" style="3" customWidth="1"/>
    <col min="13" max="16384" width="9" style="3"/>
  </cols>
  <sheetData>
    <row r="1" spans="1:10" s="7" customFormat="1" ht="37.5" customHeight="1" x14ac:dyDescent="0.15">
      <c r="A1" s="16"/>
      <c r="B1" s="17" t="s">
        <v>8</v>
      </c>
      <c r="C1" s="17" t="s">
        <v>61</v>
      </c>
      <c r="D1" s="17" t="s">
        <v>141</v>
      </c>
      <c r="E1" s="17" t="s">
        <v>58</v>
      </c>
      <c r="F1" s="17" t="s">
        <v>90</v>
      </c>
      <c r="G1" s="17" t="s">
        <v>213</v>
      </c>
      <c r="H1" s="17" t="s">
        <v>91</v>
      </c>
      <c r="I1" s="17" t="s">
        <v>93</v>
      </c>
      <c r="J1" s="19" t="s">
        <v>96</v>
      </c>
    </row>
    <row r="2" spans="1:10" ht="26.25" customHeight="1" x14ac:dyDescent="0.15">
      <c r="A2" s="86">
        <v>1</v>
      </c>
      <c r="B2" s="87">
        <v>1650180019</v>
      </c>
      <c r="C2" s="88" t="s">
        <v>73</v>
      </c>
      <c r="D2" s="88">
        <v>96</v>
      </c>
      <c r="E2" s="87">
        <v>9398075</v>
      </c>
      <c r="F2" s="88" t="s">
        <v>197</v>
      </c>
      <c r="G2" s="90" t="s">
        <v>233</v>
      </c>
      <c r="H2" s="87" t="s">
        <v>6</v>
      </c>
      <c r="I2" s="87" t="s">
        <v>68</v>
      </c>
      <c r="J2" s="101">
        <v>36617</v>
      </c>
    </row>
    <row r="3" spans="1:10" ht="26.25" customHeight="1" x14ac:dyDescent="0.15">
      <c r="A3" s="86">
        <v>2</v>
      </c>
      <c r="B3" s="87">
        <v>1650180035</v>
      </c>
      <c r="C3" s="88" t="s">
        <v>463</v>
      </c>
      <c r="D3" s="88">
        <v>96</v>
      </c>
      <c r="E3" s="87">
        <v>9398183</v>
      </c>
      <c r="F3" s="88" t="s">
        <v>767</v>
      </c>
      <c r="G3" s="90" t="s">
        <v>79</v>
      </c>
      <c r="H3" s="87" t="s">
        <v>38</v>
      </c>
      <c r="I3" s="87" t="s">
        <v>42</v>
      </c>
      <c r="J3" s="101">
        <v>36617</v>
      </c>
    </row>
    <row r="4" spans="1:10" ht="26.25" customHeight="1" x14ac:dyDescent="0.15">
      <c r="A4" s="86">
        <v>3</v>
      </c>
      <c r="B4" s="87">
        <v>1650180092</v>
      </c>
      <c r="C4" s="88" t="s">
        <v>464</v>
      </c>
      <c r="D4" s="88">
        <v>70</v>
      </c>
      <c r="E4" s="87">
        <v>9300058</v>
      </c>
      <c r="F4" s="88" t="s">
        <v>768</v>
      </c>
      <c r="G4" s="90" t="s">
        <v>467</v>
      </c>
      <c r="H4" s="87" t="s">
        <v>88</v>
      </c>
      <c r="I4" s="87" t="s">
        <v>0</v>
      </c>
      <c r="J4" s="101">
        <v>36617</v>
      </c>
    </row>
    <row r="5" spans="1:10" ht="26.25" customHeight="1" x14ac:dyDescent="0.15">
      <c r="A5" s="86">
        <v>4</v>
      </c>
      <c r="B5" s="87">
        <v>1650180043</v>
      </c>
      <c r="C5" s="88" t="s">
        <v>62</v>
      </c>
      <c r="D5" s="88">
        <v>100</v>
      </c>
      <c r="E5" s="87">
        <v>9398032</v>
      </c>
      <c r="F5" s="88" t="s">
        <v>468</v>
      </c>
      <c r="G5" s="90" t="s">
        <v>359</v>
      </c>
      <c r="H5" s="87" t="s">
        <v>51</v>
      </c>
      <c r="I5" s="87" t="s">
        <v>70</v>
      </c>
      <c r="J5" s="101">
        <v>36617</v>
      </c>
    </row>
    <row r="6" spans="1:10" ht="26.25" customHeight="1" x14ac:dyDescent="0.15">
      <c r="A6" s="86">
        <v>5</v>
      </c>
      <c r="B6" s="87">
        <v>1651880005</v>
      </c>
      <c r="C6" s="88" t="s">
        <v>433</v>
      </c>
      <c r="D6" s="88">
        <v>150</v>
      </c>
      <c r="E6" s="87">
        <v>9392376</v>
      </c>
      <c r="F6" s="88" t="s">
        <v>769</v>
      </c>
      <c r="G6" s="90" t="s">
        <v>229</v>
      </c>
      <c r="H6" s="87" t="s">
        <v>333</v>
      </c>
      <c r="I6" s="87" t="s">
        <v>470</v>
      </c>
      <c r="J6" s="101">
        <v>36617</v>
      </c>
    </row>
    <row r="7" spans="1:10" ht="26.25" customHeight="1" x14ac:dyDescent="0.15">
      <c r="A7" s="86">
        <v>6</v>
      </c>
      <c r="B7" s="87">
        <v>1650180118</v>
      </c>
      <c r="C7" s="88" t="s">
        <v>17</v>
      </c>
      <c r="D7" s="88">
        <v>96</v>
      </c>
      <c r="E7" s="87">
        <v>9398271</v>
      </c>
      <c r="F7" s="88" t="s">
        <v>472</v>
      </c>
      <c r="G7" s="90" t="s">
        <v>459</v>
      </c>
      <c r="H7" s="87" t="s">
        <v>26</v>
      </c>
      <c r="I7" s="87" t="s">
        <v>27</v>
      </c>
      <c r="J7" s="101">
        <v>36980</v>
      </c>
    </row>
    <row r="8" spans="1:10" ht="26.25" customHeight="1" x14ac:dyDescent="0.15">
      <c r="A8" s="86">
        <v>7</v>
      </c>
      <c r="B8" s="87">
        <v>1650180100</v>
      </c>
      <c r="C8" s="88" t="s">
        <v>364</v>
      </c>
      <c r="D8" s="88">
        <v>96</v>
      </c>
      <c r="E8" s="87">
        <v>9398132</v>
      </c>
      <c r="F8" s="88" t="s">
        <v>770</v>
      </c>
      <c r="G8" s="90" t="s">
        <v>474</v>
      </c>
      <c r="H8" s="87" t="s">
        <v>34</v>
      </c>
      <c r="I8" s="87" t="s">
        <v>59</v>
      </c>
      <c r="J8" s="101">
        <v>36617</v>
      </c>
    </row>
    <row r="9" spans="1:10" ht="26.25" customHeight="1" x14ac:dyDescent="0.15">
      <c r="A9" s="86">
        <v>8</v>
      </c>
      <c r="B9" s="87">
        <v>1650180076</v>
      </c>
      <c r="C9" s="88" t="s">
        <v>60</v>
      </c>
      <c r="D9" s="88">
        <v>100</v>
      </c>
      <c r="E9" s="87">
        <v>9398178</v>
      </c>
      <c r="F9" s="88" t="s">
        <v>223</v>
      </c>
      <c r="G9" s="90" t="s">
        <v>227</v>
      </c>
      <c r="H9" s="87" t="s">
        <v>55</v>
      </c>
      <c r="I9" s="87" t="s">
        <v>24</v>
      </c>
      <c r="J9" s="101">
        <v>36617</v>
      </c>
    </row>
    <row r="10" spans="1:10" ht="26.25" customHeight="1" x14ac:dyDescent="0.15">
      <c r="A10" s="86">
        <v>9</v>
      </c>
      <c r="B10" s="87">
        <v>1650180068</v>
      </c>
      <c r="C10" s="88" t="s">
        <v>210</v>
      </c>
      <c r="D10" s="88">
        <v>100</v>
      </c>
      <c r="E10" s="87">
        <v>9300974</v>
      </c>
      <c r="F10" s="88" t="s">
        <v>771</v>
      </c>
      <c r="G10" s="90" t="s">
        <v>475</v>
      </c>
      <c r="H10" s="87" t="s">
        <v>119</v>
      </c>
      <c r="I10" s="87" t="s">
        <v>121</v>
      </c>
      <c r="J10" s="101">
        <v>36617</v>
      </c>
    </row>
    <row r="11" spans="1:10" ht="26.25" customHeight="1" x14ac:dyDescent="0.15">
      <c r="A11" s="86">
        <v>10</v>
      </c>
      <c r="B11" s="87">
        <v>1650180084</v>
      </c>
      <c r="C11" s="88" t="s">
        <v>477</v>
      </c>
      <c r="D11" s="88">
        <v>100</v>
      </c>
      <c r="E11" s="87">
        <v>9393535</v>
      </c>
      <c r="F11" s="88" t="s">
        <v>772</v>
      </c>
      <c r="G11" s="90" t="s">
        <v>478</v>
      </c>
      <c r="H11" s="87" t="s">
        <v>106</v>
      </c>
      <c r="I11" s="87" t="s">
        <v>479</v>
      </c>
      <c r="J11" s="101">
        <v>36617</v>
      </c>
    </row>
    <row r="12" spans="1:10" ht="26.25" customHeight="1" x14ac:dyDescent="0.15">
      <c r="A12" s="86">
        <v>11</v>
      </c>
      <c r="B12" s="87">
        <v>1650180159</v>
      </c>
      <c r="C12" s="88" t="s">
        <v>481</v>
      </c>
      <c r="D12" s="88">
        <v>100</v>
      </c>
      <c r="E12" s="87">
        <v>9300901</v>
      </c>
      <c r="F12" s="88" t="s">
        <v>484</v>
      </c>
      <c r="G12" s="90" t="s">
        <v>486</v>
      </c>
      <c r="H12" s="87" t="s">
        <v>2</v>
      </c>
      <c r="I12" s="87" t="s">
        <v>7</v>
      </c>
      <c r="J12" s="101">
        <v>36617</v>
      </c>
    </row>
    <row r="13" spans="1:10" ht="26.25" customHeight="1" x14ac:dyDescent="0.15">
      <c r="A13" s="86">
        <v>12</v>
      </c>
      <c r="B13" s="87">
        <v>1650180027</v>
      </c>
      <c r="C13" s="88" t="s">
        <v>487</v>
      </c>
      <c r="D13" s="88">
        <v>79</v>
      </c>
      <c r="E13" s="87">
        <v>9300085</v>
      </c>
      <c r="F13" s="88" t="s">
        <v>773</v>
      </c>
      <c r="G13" s="90" t="s">
        <v>488</v>
      </c>
      <c r="H13" s="87" t="s">
        <v>87</v>
      </c>
      <c r="I13" s="87" t="s">
        <v>76</v>
      </c>
      <c r="J13" s="101">
        <v>36617</v>
      </c>
    </row>
    <row r="14" spans="1:10" ht="26.25" customHeight="1" x14ac:dyDescent="0.15">
      <c r="A14" s="86">
        <v>13</v>
      </c>
      <c r="B14" s="87">
        <v>1651880013</v>
      </c>
      <c r="C14" s="88" t="s">
        <v>491</v>
      </c>
      <c r="D14" s="88">
        <v>100</v>
      </c>
      <c r="E14" s="87">
        <v>9392723</v>
      </c>
      <c r="F14" s="88" t="s">
        <v>728</v>
      </c>
      <c r="G14" s="90" t="s">
        <v>493</v>
      </c>
      <c r="H14" s="87" t="s">
        <v>18</v>
      </c>
      <c r="I14" s="87" t="s">
        <v>238</v>
      </c>
      <c r="J14" s="101">
        <v>36617</v>
      </c>
    </row>
    <row r="15" spans="1:10" ht="26.25" customHeight="1" x14ac:dyDescent="0.15">
      <c r="A15" s="86">
        <v>14</v>
      </c>
      <c r="B15" s="87">
        <v>1650180126</v>
      </c>
      <c r="C15" s="88" t="s">
        <v>495</v>
      </c>
      <c r="D15" s="88">
        <v>100</v>
      </c>
      <c r="E15" s="87">
        <v>9398252</v>
      </c>
      <c r="F15" s="88" t="s">
        <v>175</v>
      </c>
      <c r="G15" s="90" t="s">
        <v>227</v>
      </c>
      <c r="H15" s="87" t="s">
        <v>496</v>
      </c>
      <c r="I15" s="87" t="s">
        <v>497</v>
      </c>
      <c r="J15" s="101">
        <v>36983</v>
      </c>
    </row>
    <row r="16" spans="1:10" ht="26.25" customHeight="1" x14ac:dyDescent="0.15">
      <c r="A16" s="86">
        <v>15</v>
      </c>
      <c r="B16" s="87">
        <v>1651880138</v>
      </c>
      <c r="C16" s="88" t="s">
        <v>489</v>
      </c>
      <c r="D16" s="88">
        <v>100</v>
      </c>
      <c r="E16" s="87">
        <v>9392603</v>
      </c>
      <c r="F16" s="88" t="s">
        <v>774</v>
      </c>
      <c r="G16" s="90" t="s">
        <v>493</v>
      </c>
      <c r="H16" s="87" t="s">
        <v>499</v>
      </c>
      <c r="I16" s="87" t="s">
        <v>157</v>
      </c>
      <c r="J16" s="101">
        <v>37438</v>
      </c>
    </row>
    <row r="17" spans="1:10" ht="26.25" customHeight="1" x14ac:dyDescent="0.15">
      <c r="A17" s="86">
        <v>16</v>
      </c>
      <c r="B17" s="87">
        <v>1650180001</v>
      </c>
      <c r="C17" s="88" t="s">
        <v>10</v>
      </c>
      <c r="D17" s="88">
        <v>100</v>
      </c>
      <c r="E17" s="87">
        <v>9398134</v>
      </c>
      <c r="F17" s="88" t="s">
        <v>256</v>
      </c>
      <c r="G17" s="90" t="s">
        <v>474</v>
      </c>
      <c r="H17" s="87" t="s">
        <v>29</v>
      </c>
      <c r="I17" s="87" t="s">
        <v>501</v>
      </c>
      <c r="J17" s="101">
        <v>36617</v>
      </c>
    </row>
    <row r="18" spans="1:10" ht="26.25" customHeight="1" x14ac:dyDescent="0.15">
      <c r="A18" s="86">
        <v>17</v>
      </c>
      <c r="B18" s="87">
        <v>1650180183</v>
      </c>
      <c r="C18" s="88" t="s">
        <v>750</v>
      </c>
      <c r="D18" s="88">
        <v>100</v>
      </c>
      <c r="E18" s="87">
        <v>9392224</v>
      </c>
      <c r="F18" s="88" t="s">
        <v>775</v>
      </c>
      <c r="G18" s="90" t="s">
        <v>503</v>
      </c>
      <c r="H18" s="87" t="s">
        <v>281</v>
      </c>
      <c r="I18" s="87" t="s">
        <v>805</v>
      </c>
      <c r="J18" s="101">
        <v>45383</v>
      </c>
    </row>
  </sheetData>
  <autoFilter ref="A1:J1" xr:uid="{00000000-0001-0000-0100-000000000000}"/>
  <phoneticPr fontId="6"/>
  <printOptions horizontalCentered="1" gridLines="1"/>
  <pageMargins left="0.15748031496062992" right="0.15748031496062992" top="0.98425196850393704" bottom="0.19685039370078741" header="0.51181102362204722" footer="0.19685039370078741"/>
  <pageSetup paperSize="9" scale="8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66FFFF"/>
    <pageSetUpPr fitToPage="1"/>
  </sheetPr>
  <dimension ref="A1:K25"/>
  <sheetViews>
    <sheetView view="pageBreakPreview" zoomScaleSheetLayoutView="100" workbookViewId="0">
      <pane ySplit="1" topLeftCell="A2" activePane="bottomLeft" state="frozen"/>
      <selection pane="bottomLeft" activeCell="C17" sqref="C17"/>
    </sheetView>
  </sheetViews>
  <sheetFormatPr defaultColWidth="9" defaultRowHeight="13.5" x14ac:dyDescent="0.15"/>
  <cols>
    <col min="1" max="1" width="5.125" style="1" customWidth="1"/>
    <col min="2" max="2" width="15.375" style="1" customWidth="1"/>
    <col min="3" max="3" width="44.625" style="1" customWidth="1"/>
    <col min="4" max="4" width="7" style="1" customWidth="1"/>
    <col min="5" max="5" width="14.625" style="3" customWidth="1"/>
    <col min="6" max="6" width="32.625" style="3" customWidth="1"/>
    <col min="7" max="7" width="10" style="4" customWidth="1"/>
    <col min="8" max="9" width="17.625" style="5" customWidth="1"/>
    <col min="10" max="10" width="11.125" style="6" bestFit="1" customWidth="1"/>
    <col min="11" max="16384" width="9" style="3"/>
  </cols>
  <sheetData>
    <row r="1" spans="1:11" s="7" customFormat="1" ht="37.5" customHeight="1" x14ac:dyDescent="0.15">
      <c r="A1" s="18"/>
      <c r="B1" s="18" t="s">
        <v>8</v>
      </c>
      <c r="C1" s="18" t="s">
        <v>61</v>
      </c>
      <c r="D1" s="18" t="s">
        <v>141</v>
      </c>
      <c r="E1" s="18" t="s">
        <v>58</v>
      </c>
      <c r="F1" s="18" t="s">
        <v>90</v>
      </c>
      <c r="G1" s="18" t="s">
        <v>348</v>
      </c>
      <c r="H1" s="18" t="s">
        <v>91</v>
      </c>
      <c r="I1" s="18" t="s">
        <v>93</v>
      </c>
      <c r="J1" s="22" t="s">
        <v>96</v>
      </c>
    </row>
    <row r="2" spans="1:11" ht="26.25" customHeight="1" x14ac:dyDescent="0.15">
      <c r="A2" s="86">
        <v>1</v>
      </c>
      <c r="B2" s="102" t="s">
        <v>810</v>
      </c>
      <c r="C2" s="88" t="s">
        <v>69</v>
      </c>
      <c r="D2" s="88">
        <v>170</v>
      </c>
      <c r="E2" s="87">
        <v>9398032</v>
      </c>
      <c r="F2" s="88" t="s">
        <v>310</v>
      </c>
      <c r="G2" s="90" t="s">
        <v>342</v>
      </c>
      <c r="H2" s="87" t="s">
        <v>74</v>
      </c>
      <c r="I2" s="87" t="s">
        <v>103</v>
      </c>
      <c r="J2" s="101">
        <v>43191</v>
      </c>
      <c r="K2" s="24"/>
    </row>
    <row r="3" spans="1:11" ht="26.25" customHeight="1" x14ac:dyDescent="0.15">
      <c r="A3" s="103">
        <v>2</v>
      </c>
      <c r="B3" s="93" t="s">
        <v>505</v>
      </c>
      <c r="C3" s="94" t="s">
        <v>453</v>
      </c>
      <c r="D3" s="94">
        <v>104</v>
      </c>
      <c r="E3" s="93">
        <v>9398075</v>
      </c>
      <c r="F3" s="94" t="s">
        <v>30</v>
      </c>
      <c r="G3" s="96" t="s">
        <v>506</v>
      </c>
      <c r="H3" s="93" t="s">
        <v>71</v>
      </c>
      <c r="I3" s="93" t="s">
        <v>12</v>
      </c>
      <c r="J3" s="104">
        <v>43313</v>
      </c>
      <c r="K3" s="24"/>
    </row>
    <row r="4" spans="1:11" ht="26.25" customHeight="1" x14ac:dyDescent="0.15">
      <c r="A4" s="86">
        <v>3</v>
      </c>
      <c r="B4" s="93" t="s">
        <v>415</v>
      </c>
      <c r="C4" s="94" t="s">
        <v>211</v>
      </c>
      <c r="D4" s="94">
        <v>33</v>
      </c>
      <c r="E4" s="93">
        <v>9318431</v>
      </c>
      <c r="F4" s="94" t="s">
        <v>150</v>
      </c>
      <c r="G4" s="96" t="s">
        <v>457</v>
      </c>
      <c r="H4" s="93" t="s">
        <v>110</v>
      </c>
      <c r="I4" s="93" t="s">
        <v>46</v>
      </c>
      <c r="J4" s="104">
        <v>43344</v>
      </c>
      <c r="K4" s="24"/>
    </row>
    <row r="5" spans="1:11" ht="26.25" customHeight="1" x14ac:dyDescent="0.15">
      <c r="A5" s="103">
        <v>4</v>
      </c>
      <c r="B5" s="87" t="s">
        <v>283</v>
      </c>
      <c r="C5" s="88" t="s">
        <v>508</v>
      </c>
      <c r="D5" s="88">
        <v>120</v>
      </c>
      <c r="E5" s="87">
        <v>9392607</v>
      </c>
      <c r="F5" s="88" t="s">
        <v>104</v>
      </c>
      <c r="G5" s="90" t="s">
        <v>398</v>
      </c>
      <c r="H5" s="87" t="s">
        <v>511</v>
      </c>
      <c r="I5" s="87" t="s">
        <v>513</v>
      </c>
      <c r="J5" s="101">
        <v>43405</v>
      </c>
      <c r="K5" s="24"/>
    </row>
    <row r="6" spans="1:11" ht="26.25" customHeight="1" x14ac:dyDescent="0.15">
      <c r="A6" s="86">
        <v>5</v>
      </c>
      <c r="B6" s="87" t="s">
        <v>514</v>
      </c>
      <c r="C6" s="88" t="s">
        <v>515</v>
      </c>
      <c r="D6" s="88">
        <v>58</v>
      </c>
      <c r="E6" s="87">
        <v>9301326</v>
      </c>
      <c r="F6" s="88" t="s">
        <v>761</v>
      </c>
      <c r="G6" s="90" t="s">
        <v>404</v>
      </c>
      <c r="H6" s="87" t="s">
        <v>456</v>
      </c>
      <c r="I6" s="87" t="s">
        <v>519</v>
      </c>
      <c r="J6" s="101">
        <v>43556</v>
      </c>
      <c r="K6" s="24"/>
    </row>
    <row r="7" spans="1:11" ht="26.25" customHeight="1" x14ac:dyDescent="0.15">
      <c r="A7" s="103">
        <v>6</v>
      </c>
      <c r="B7" s="87" t="s">
        <v>522</v>
      </c>
      <c r="C7" s="105" t="s">
        <v>524</v>
      </c>
      <c r="D7" s="105">
        <v>89</v>
      </c>
      <c r="E7" s="106">
        <v>9398271</v>
      </c>
      <c r="F7" s="105" t="s">
        <v>762</v>
      </c>
      <c r="G7" s="107" t="s">
        <v>353</v>
      </c>
      <c r="H7" s="108" t="s">
        <v>44</v>
      </c>
      <c r="I7" s="106" t="s">
        <v>525</v>
      </c>
      <c r="J7" s="101">
        <v>43617</v>
      </c>
      <c r="K7" s="24"/>
    </row>
    <row r="8" spans="1:11" ht="26.25" customHeight="1" x14ac:dyDescent="0.15">
      <c r="A8" s="86">
        <v>7</v>
      </c>
      <c r="B8" s="87" t="s">
        <v>526</v>
      </c>
      <c r="C8" s="109" t="s">
        <v>156</v>
      </c>
      <c r="D8" s="109">
        <v>100</v>
      </c>
      <c r="E8" s="108">
        <v>9393515</v>
      </c>
      <c r="F8" s="109" t="s">
        <v>811</v>
      </c>
      <c r="G8" s="107" t="s">
        <v>382</v>
      </c>
      <c r="H8" s="108" t="s">
        <v>388</v>
      </c>
      <c r="I8" s="108" t="s">
        <v>529</v>
      </c>
      <c r="J8" s="101">
        <v>43922</v>
      </c>
      <c r="K8" s="24"/>
    </row>
    <row r="9" spans="1:11" ht="26.25" customHeight="1" x14ac:dyDescent="0.15">
      <c r="A9" s="103">
        <v>8</v>
      </c>
      <c r="B9" s="87" t="s">
        <v>531</v>
      </c>
      <c r="C9" s="109" t="s">
        <v>532</v>
      </c>
      <c r="D9" s="109">
        <v>54</v>
      </c>
      <c r="E9" s="108">
        <v>9398272</v>
      </c>
      <c r="F9" s="109" t="s">
        <v>114</v>
      </c>
      <c r="G9" s="107" t="s">
        <v>353</v>
      </c>
      <c r="H9" s="108" t="s">
        <v>159</v>
      </c>
      <c r="I9" s="108" t="s">
        <v>16</v>
      </c>
      <c r="J9" s="101">
        <v>44013</v>
      </c>
      <c r="K9" s="24"/>
    </row>
    <row r="10" spans="1:11" ht="26.25" customHeight="1" x14ac:dyDescent="0.15">
      <c r="A10" s="86">
        <v>9</v>
      </c>
      <c r="B10" s="87" t="s">
        <v>533</v>
      </c>
      <c r="C10" s="88" t="s">
        <v>528</v>
      </c>
      <c r="D10" s="88">
        <v>48</v>
      </c>
      <c r="E10" s="87">
        <v>9398137</v>
      </c>
      <c r="F10" s="88" t="s">
        <v>763</v>
      </c>
      <c r="G10" s="90" t="s">
        <v>476</v>
      </c>
      <c r="H10" s="87" t="s">
        <v>101</v>
      </c>
      <c r="I10" s="87" t="s">
        <v>49</v>
      </c>
      <c r="J10" s="101">
        <v>44075</v>
      </c>
      <c r="K10" s="24"/>
    </row>
    <row r="11" spans="1:11" ht="26.25" customHeight="1" x14ac:dyDescent="0.15">
      <c r="A11" s="103">
        <v>10</v>
      </c>
      <c r="B11" s="93" t="s">
        <v>534</v>
      </c>
      <c r="C11" s="88" t="s">
        <v>189</v>
      </c>
      <c r="D11" s="88">
        <v>56</v>
      </c>
      <c r="E11" s="87">
        <v>9398134</v>
      </c>
      <c r="F11" s="88" t="s">
        <v>764</v>
      </c>
      <c r="G11" s="90" t="s">
        <v>476</v>
      </c>
      <c r="H11" s="87" t="s">
        <v>14</v>
      </c>
      <c r="I11" s="87" t="s">
        <v>20</v>
      </c>
      <c r="J11" s="101">
        <v>44621</v>
      </c>
      <c r="K11" s="24"/>
    </row>
    <row r="12" spans="1:11" ht="26.25" customHeight="1" x14ac:dyDescent="0.15">
      <c r="A12" s="86">
        <v>11</v>
      </c>
      <c r="B12" s="93" t="s">
        <v>15</v>
      </c>
      <c r="C12" s="94" t="s">
        <v>516</v>
      </c>
      <c r="D12" s="94">
        <v>44</v>
      </c>
      <c r="E12" s="93">
        <v>9392723</v>
      </c>
      <c r="F12" s="94" t="s">
        <v>766</v>
      </c>
      <c r="G12" s="96" t="s">
        <v>493</v>
      </c>
      <c r="H12" s="93" t="s">
        <v>441</v>
      </c>
      <c r="I12" s="93" t="s">
        <v>134</v>
      </c>
      <c r="J12" s="104">
        <v>45292</v>
      </c>
      <c r="K12" s="24"/>
    </row>
    <row r="13" spans="1:11" ht="26.25" customHeight="1" x14ac:dyDescent="0.15">
      <c r="A13" s="103">
        <v>12</v>
      </c>
      <c r="B13" s="93" t="s">
        <v>711</v>
      </c>
      <c r="C13" s="94" t="s">
        <v>527</v>
      </c>
      <c r="D13" s="94">
        <v>48</v>
      </c>
      <c r="E13" s="93">
        <v>9392716</v>
      </c>
      <c r="F13" s="94" t="s">
        <v>812</v>
      </c>
      <c r="G13" s="96" t="s">
        <v>398</v>
      </c>
      <c r="H13" s="93" t="s">
        <v>712</v>
      </c>
      <c r="I13" s="93" t="s">
        <v>80</v>
      </c>
      <c r="J13" s="104">
        <v>45474</v>
      </c>
      <c r="K13" s="24"/>
    </row>
    <row r="14" spans="1:11" ht="26.25" customHeight="1" x14ac:dyDescent="0.15">
      <c r="C14" s="5"/>
      <c r="D14" s="20"/>
    </row>
    <row r="15" spans="1:11" ht="26.25" customHeight="1" x14ac:dyDescent="0.15">
      <c r="C15" s="5"/>
      <c r="D15" s="20"/>
    </row>
    <row r="16" spans="1:11" ht="26.25" customHeight="1" x14ac:dyDescent="0.15"/>
    <row r="17" spans="5:10" ht="26.25" customHeight="1" x14ac:dyDescent="0.15"/>
    <row r="18" spans="5:10" ht="26.25" customHeight="1" x14ac:dyDescent="0.15"/>
    <row r="19" spans="5:10" ht="26.25" customHeight="1" x14ac:dyDescent="0.15"/>
    <row r="20" spans="5:10" ht="26.25" customHeight="1" x14ac:dyDescent="0.15"/>
    <row r="21" spans="5:10" ht="26.25" customHeight="1" x14ac:dyDescent="0.15"/>
    <row r="22" spans="5:10" ht="26.25" customHeight="1" x14ac:dyDescent="0.15"/>
    <row r="23" spans="5:10" ht="26.25" customHeight="1" x14ac:dyDescent="0.15"/>
    <row r="24" spans="5:10" ht="26.25" customHeight="1" x14ac:dyDescent="0.15">
      <c r="E24" s="5"/>
      <c r="F24" s="1"/>
      <c r="G24" s="21"/>
      <c r="J24" s="23"/>
    </row>
    <row r="25" spans="5:10" ht="26.25" customHeight="1" x14ac:dyDescent="0.15">
      <c r="E25" s="5"/>
      <c r="F25" s="1"/>
      <c r="G25" s="21"/>
      <c r="J25" s="23"/>
    </row>
  </sheetData>
  <autoFilter ref="A1:K1" xr:uid="{00000000-0001-0000-0200-000000000000}"/>
  <phoneticPr fontId="6"/>
  <printOptions horizontalCentered="1" gridLines="1"/>
  <pageMargins left="0.59055118110236227" right="0.19685039370078741" top="0.98425196850393704" bottom="0.39370078740157483" header="0.51181102362204722" footer="0.19685039370078741"/>
  <pageSetup paperSize="9" scale="80" orientation="landscape" r:id="rId1"/>
  <headerFooter alignWithMargins="0">
    <oddHeader>&amp;C&amp;14介護医療院一覧</oddHeader>
    <oddFooter>&amp;C&amp;P&amp;R（医療院）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5"/>
  </sheetPr>
  <dimension ref="A1:WVO2"/>
  <sheetViews>
    <sheetView view="pageBreakPreview" zoomScaleNormal="90" zoomScaleSheetLayoutView="100" workbookViewId="0">
      <pane ySplit="1" topLeftCell="A2" activePane="bottomLeft" state="frozen"/>
      <selection pane="bottomLeft" activeCell="D26" sqref="D26"/>
    </sheetView>
  </sheetViews>
  <sheetFormatPr defaultRowHeight="13.5" x14ac:dyDescent="0.15"/>
  <cols>
    <col min="1" max="1" width="4.25" style="1" customWidth="1"/>
    <col min="2" max="2" width="36.875" style="1" bestFit="1" customWidth="1"/>
    <col min="3" max="3" width="13.625" style="5" customWidth="1"/>
    <col min="4" max="4" width="29.375" style="1" customWidth="1"/>
    <col min="5" max="5" width="7.625" style="25" customWidth="1"/>
    <col min="6" max="6" width="18.25" style="5" bestFit="1" customWidth="1"/>
    <col min="7" max="7" width="19" style="5" bestFit="1" customWidth="1"/>
    <col min="8" max="256" width="9" style="26" customWidth="1"/>
    <col min="257" max="257" width="4.25" style="26" customWidth="1"/>
    <col min="258" max="258" width="36.875" style="26" bestFit="1" customWidth="1"/>
    <col min="259" max="259" width="9.75" style="26" customWidth="1"/>
    <col min="260" max="260" width="29.375" style="26" customWidth="1"/>
    <col min="261" max="262" width="13.125" style="26" bestFit="1" customWidth="1"/>
    <col min="263" max="263" width="9" style="26" hidden="1" customWidth="1"/>
    <col min="264" max="512" width="9" style="26" customWidth="1"/>
    <col min="513" max="513" width="4.25" style="26" customWidth="1"/>
    <col min="514" max="514" width="36.875" style="26" bestFit="1" customWidth="1"/>
    <col min="515" max="515" width="9.75" style="26" customWidth="1"/>
    <col min="516" max="516" width="29.375" style="26" customWidth="1"/>
    <col min="517" max="518" width="13.125" style="26" bestFit="1" customWidth="1"/>
    <col min="519" max="519" width="9" style="26" hidden="1" customWidth="1"/>
    <col min="520" max="768" width="9" style="26" customWidth="1"/>
    <col min="769" max="769" width="4.25" style="26" customWidth="1"/>
    <col min="770" max="770" width="36.875" style="26" bestFit="1" customWidth="1"/>
    <col min="771" max="771" width="9.75" style="26" customWidth="1"/>
    <col min="772" max="772" width="29.375" style="26" customWidth="1"/>
    <col min="773" max="774" width="13.125" style="26" bestFit="1" customWidth="1"/>
    <col min="775" max="775" width="9" style="26" hidden="1" customWidth="1"/>
    <col min="776" max="1024" width="9" style="26" customWidth="1"/>
    <col min="1025" max="1025" width="4.25" style="26" customWidth="1"/>
    <col min="1026" max="1026" width="36.875" style="26" bestFit="1" customWidth="1"/>
    <col min="1027" max="1027" width="9.75" style="26" customWidth="1"/>
    <col min="1028" max="1028" width="29.375" style="26" customWidth="1"/>
    <col min="1029" max="1030" width="13.125" style="26" bestFit="1" customWidth="1"/>
    <col min="1031" max="1031" width="9" style="26" hidden="1" customWidth="1"/>
    <col min="1032" max="1280" width="9" style="26" customWidth="1"/>
    <col min="1281" max="1281" width="4.25" style="26" customWidth="1"/>
    <col min="1282" max="1282" width="36.875" style="26" bestFit="1" customWidth="1"/>
    <col min="1283" max="1283" width="9.75" style="26" customWidth="1"/>
    <col min="1284" max="1284" width="29.375" style="26" customWidth="1"/>
    <col min="1285" max="1286" width="13.125" style="26" bestFit="1" customWidth="1"/>
    <col min="1287" max="1287" width="9" style="26" hidden="1" customWidth="1"/>
    <col min="1288" max="1536" width="9" style="26" customWidth="1"/>
    <col min="1537" max="1537" width="4.25" style="26" customWidth="1"/>
    <col min="1538" max="1538" width="36.875" style="26" bestFit="1" customWidth="1"/>
    <col min="1539" max="1539" width="9.75" style="26" customWidth="1"/>
    <col min="1540" max="1540" width="29.375" style="26" customWidth="1"/>
    <col min="1541" max="1542" width="13.125" style="26" bestFit="1" customWidth="1"/>
    <col min="1543" max="1543" width="9" style="26" hidden="1" customWidth="1"/>
    <col min="1544" max="1792" width="9" style="26" customWidth="1"/>
    <col min="1793" max="1793" width="4.25" style="26" customWidth="1"/>
    <col min="1794" max="1794" width="36.875" style="26" bestFit="1" customWidth="1"/>
    <col min="1795" max="1795" width="9.75" style="26" customWidth="1"/>
    <col min="1796" max="1796" width="29.375" style="26" customWidth="1"/>
    <col min="1797" max="1798" width="13.125" style="26" bestFit="1" customWidth="1"/>
    <col min="1799" max="1799" width="9" style="26" hidden="1" customWidth="1"/>
    <col min="1800" max="2048" width="9" style="26" customWidth="1"/>
    <col min="2049" max="2049" width="4.25" style="26" customWidth="1"/>
    <col min="2050" max="2050" width="36.875" style="26" bestFit="1" customWidth="1"/>
    <col min="2051" max="2051" width="9.75" style="26" customWidth="1"/>
    <col min="2052" max="2052" width="29.375" style="26" customWidth="1"/>
    <col min="2053" max="2054" width="13.125" style="26" bestFit="1" customWidth="1"/>
    <col min="2055" max="2055" width="9" style="26" hidden="1" customWidth="1"/>
    <col min="2056" max="2304" width="9" style="26" customWidth="1"/>
    <col min="2305" max="2305" width="4.25" style="26" customWidth="1"/>
    <col min="2306" max="2306" width="36.875" style="26" bestFit="1" customWidth="1"/>
    <col min="2307" max="2307" width="9.75" style="26" customWidth="1"/>
    <col min="2308" max="2308" width="29.375" style="26" customWidth="1"/>
    <col min="2309" max="2310" width="13.125" style="26" bestFit="1" customWidth="1"/>
    <col min="2311" max="2311" width="9" style="26" hidden="1" customWidth="1"/>
    <col min="2312" max="2560" width="9" style="26" customWidth="1"/>
    <col min="2561" max="2561" width="4.25" style="26" customWidth="1"/>
    <col min="2562" max="2562" width="36.875" style="26" bestFit="1" customWidth="1"/>
    <col min="2563" max="2563" width="9.75" style="26" customWidth="1"/>
    <col min="2564" max="2564" width="29.375" style="26" customWidth="1"/>
    <col min="2565" max="2566" width="13.125" style="26" bestFit="1" customWidth="1"/>
    <col min="2567" max="2567" width="9" style="26" hidden="1" customWidth="1"/>
    <col min="2568" max="2816" width="9" style="26" customWidth="1"/>
    <col min="2817" max="2817" width="4.25" style="26" customWidth="1"/>
    <col min="2818" max="2818" width="36.875" style="26" bestFit="1" customWidth="1"/>
    <col min="2819" max="2819" width="9.75" style="26" customWidth="1"/>
    <col min="2820" max="2820" width="29.375" style="26" customWidth="1"/>
    <col min="2821" max="2822" width="13.125" style="26" bestFit="1" customWidth="1"/>
    <col min="2823" max="2823" width="9" style="26" hidden="1" customWidth="1"/>
    <col min="2824" max="3072" width="9" style="26" customWidth="1"/>
    <col min="3073" max="3073" width="4.25" style="26" customWidth="1"/>
    <col min="3074" max="3074" width="36.875" style="26" bestFit="1" customWidth="1"/>
    <col min="3075" max="3075" width="9.75" style="26" customWidth="1"/>
    <col min="3076" max="3076" width="29.375" style="26" customWidth="1"/>
    <col min="3077" max="3078" width="13.125" style="26" bestFit="1" customWidth="1"/>
    <col min="3079" max="3079" width="9" style="26" hidden="1" customWidth="1"/>
    <col min="3080" max="3328" width="9" style="26" customWidth="1"/>
    <col min="3329" max="3329" width="4.25" style="26" customWidth="1"/>
    <col min="3330" max="3330" width="36.875" style="26" bestFit="1" customWidth="1"/>
    <col min="3331" max="3331" width="9.75" style="26" customWidth="1"/>
    <col min="3332" max="3332" width="29.375" style="26" customWidth="1"/>
    <col min="3333" max="3334" width="13.125" style="26" bestFit="1" customWidth="1"/>
    <col min="3335" max="3335" width="9" style="26" hidden="1" customWidth="1"/>
    <col min="3336" max="3584" width="9" style="26" customWidth="1"/>
    <col min="3585" max="3585" width="4.25" style="26" customWidth="1"/>
    <col min="3586" max="3586" width="36.875" style="26" bestFit="1" customWidth="1"/>
    <col min="3587" max="3587" width="9.75" style="26" customWidth="1"/>
    <col min="3588" max="3588" width="29.375" style="26" customWidth="1"/>
    <col min="3589" max="3590" width="13.125" style="26" bestFit="1" customWidth="1"/>
    <col min="3591" max="3591" width="9" style="26" hidden="1" customWidth="1"/>
    <col min="3592" max="3840" width="9" style="26" customWidth="1"/>
    <col min="3841" max="3841" width="4.25" style="26" customWidth="1"/>
    <col min="3842" max="3842" width="36.875" style="26" bestFit="1" customWidth="1"/>
    <col min="3843" max="3843" width="9.75" style="26" customWidth="1"/>
    <col min="3844" max="3844" width="29.375" style="26" customWidth="1"/>
    <col min="3845" max="3846" width="13.125" style="26" bestFit="1" customWidth="1"/>
    <col min="3847" max="3847" width="9" style="26" hidden="1" customWidth="1"/>
    <col min="3848" max="4096" width="9" style="26" customWidth="1"/>
    <col min="4097" max="4097" width="4.25" style="26" customWidth="1"/>
    <col min="4098" max="4098" width="36.875" style="26" bestFit="1" customWidth="1"/>
    <col min="4099" max="4099" width="9.75" style="26" customWidth="1"/>
    <col min="4100" max="4100" width="29.375" style="26" customWidth="1"/>
    <col min="4101" max="4102" width="13.125" style="26" bestFit="1" customWidth="1"/>
    <col min="4103" max="4103" width="9" style="26" hidden="1" customWidth="1"/>
    <col min="4104" max="4352" width="9" style="26" customWidth="1"/>
    <col min="4353" max="4353" width="4.25" style="26" customWidth="1"/>
    <col min="4354" max="4354" width="36.875" style="26" bestFit="1" customWidth="1"/>
    <col min="4355" max="4355" width="9.75" style="26" customWidth="1"/>
    <col min="4356" max="4356" width="29.375" style="26" customWidth="1"/>
    <col min="4357" max="4358" width="13.125" style="26" bestFit="1" customWidth="1"/>
    <col min="4359" max="4359" width="9" style="26" hidden="1" customWidth="1"/>
    <col min="4360" max="4608" width="9" style="26" customWidth="1"/>
    <col min="4609" max="4609" width="4.25" style="26" customWidth="1"/>
    <col min="4610" max="4610" width="36.875" style="26" bestFit="1" customWidth="1"/>
    <col min="4611" max="4611" width="9.75" style="26" customWidth="1"/>
    <col min="4612" max="4612" width="29.375" style="26" customWidth="1"/>
    <col min="4613" max="4614" width="13.125" style="26" bestFit="1" customWidth="1"/>
    <col min="4615" max="4615" width="9" style="26" hidden="1" customWidth="1"/>
    <col min="4616" max="4864" width="9" style="26" customWidth="1"/>
    <col min="4865" max="4865" width="4.25" style="26" customWidth="1"/>
    <col min="4866" max="4866" width="36.875" style="26" bestFit="1" customWidth="1"/>
    <col min="4867" max="4867" width="9.75" style="26" customWidth="1"/>
    <col min="4868" max="4868" width="29.375" style="26" customWidth="1"/>
    <col min="4869" max="4870" width="13.125" style="26" bestFit="1" customWidth="1"/>
    <col min="4871" max="4871" width="9" style="26" hidden="1" customWidth="1"/>
    <col min="4872" max="5120" width="9" style="26" customWidth="1"/>
    <col min="5121" max="5121" width="4.25" style="26" customWidth="1"/>
    <col min="5122" max="5122" width="36.875" style="26" bestFit="1" customWidth="1"/>
    <col min="5123" max="5123" width="9.75" style="26" customWidth="1"/>
    <col min="5124" max="5124" width="29.375" style="26" customWidth="1"/>
    <col min="5125" max="5126" width="13.125" style="26" bestFit="1" customWidth="1"/>
    <col min="5127" max="5127" width="9" style="26" hidden="1" customWidth="1"/>
    <col min="5128" max="5376" width="9" style="26" customWidth="1"/>
    <col min="5377" max="5377" width="4.25" style="26" customWidth="1"/>
    <col min="5378" max="5378" width="36.875" style="26" bestFit="1" customWidth="1"/>
    <col min="5379" max="5379" width="9.75" style="26" customWidth="1"/>
    <col min="5380" max="5380" width="29.375" style="26" customWidth="1"/>
    <col min="5381" max="5382" width="13.125" style="26" bestFit="1" customWidth="1"/>
    <col min="5383" max="5383" width="9" style="26" hidden="1" customWidth="1"/>
    <col min="5384" max="5632" width="9" style="26" customWidth="1"/>
    <col min="5633" max="5633" width="4.25" style="26" customWidth="1"/>
    <col min="5634" max="5634" width="36.875" style="26" bestFit="1" customWidth="1"/>
    <col min="5635" max="5635" width="9.75" style="26" customWidth="1"/>
    <col min="5636" max="5636" width="29.375" style="26" customWidth="1"/>
    <col min="5637" max="5638" width="13.125" style="26" bestFit="1" customWidth="1"/>
    <col min="5639" max="5639" width="9" style="26" hidden="1" customWidth="1"/>
    <col min="5640" max="5888" width="9" style="26" customWidth="1"/>
    <col min="5889" max="5889" width="4.25" style="26" customWidth="1"/>
    <col min="5890" max="5890" width="36.875" style="26" bestFit="1" customWidth="1"/>
    <col min="5891" max="5891" width="9.75" style="26" customWidth="1"/>
    <col min="5892" max="5892" width="29.375" style="26" customWidth="1"/>
    <col min="5893" max="5894" width="13.125" style="26" bestFit="1" customWidth="1"/>
    <col min="5895" max="5895" width="9" style="26" hidden="1" customWidth="1"/>
    <col min="5896" max="6144" width="9" style="26" customWidth="1"/>
    <col min="6145" max="6145" width="4.25" style="26" customWidth="1"/>
    <col min="6146" max="6146" width="36.875" style="26" bestFit="1" customWidth="1"/>
    <col min="6147" max="6147" width="9.75" style="26" customWidth="1"/>
    <col min="6148" max="6148" width="29.375" style="26" customWidth="1"/>
    <col min="6149" max="6150" width="13.125" style="26" bestFit="1" customWidth="1"/>
    <col min="6151" max="6151" width="9" style="26" hidden="1" customWidth="1"/>
    <col min="6152" max="6400" width="9" style="26" customWidth="1"/>
    <col min="6401" max="6401" width="4.25" style="26" customWidth="1"/>
    <col min="6402" max="6402" width="36.875" style="26" bestFit="1" customWidth="1"/>
    <col min="6403" max="6403" width="9.75" style="26" customWidth="1"/>
    <col min="6404" max="6404" width="29.375" style="26" customWidth="1"/>
    <col min="6405" max="6406" width="13.125" style="26" bestFit="1" customWidth="1"/>
    <col min="6407" max="6407" width="9" style="26" hidden="1" customWidth="1"/>
    <col min="6408" max="6656" width="9" style="26" customWidth="1"/>
    <col min="6657" max="6657" width="4.25" style="26" customWidth="1"/>
    <col min="6658" max="6658" width="36.875" style="26" bestFit="1" customWidth="1"/>
    <col min="6659" max="6659" width="9.75" style="26" customWidth="1"/>
    <col min="6660" max="6660" width="29.375" style="26" customWidth="1"/>
    <col min="6661" max="6662" width="13.125" style="26" bestFit="1" customWidth="1"/>
    <col min="6663" max="6663" width="9" style="26" hidden="1" customWidth="1"/>
    <col min="6664" max="6912" width="9" style="26" customWidth="1"/>
    <col min="6913" max="6913" width="4.25" style="26" customWidth="1"/>
    <col min="6914" max="6914" width="36.875" style="26" bestFit="1" customWidth="1"/>
    <col min="6915" max="6915" width="9.75" style="26" customWidth="1"/>
    <col min="6916" max="6916" width="29.375" style="26" customWidth="1"/>
    <col min="6917" max="6918" width="13.125" style="26" bestFit="1" customWidth="1"/>
    <col min="6919" max="6919" width="9" style="26" hidden="1" customWidth="1"/>
    <col min="6920" max="7168" width="9" style="26" customWidth="1"/>
    <col min="7169" max="7169" width="4.25" style="26" customWidth="1"/>
    <col min="7170" max="7170" width="36.875" style="26" bestFit="1" customWidth="1"/>
    <col min="7171" max="7171" width="9.75" style="26" customWidth="1"/>
    <col min="7172" max="7172" width="29.375" style="26" customWidth="1"/>
    <col min="7173" max="7174" width="13.125" style="26" bestFit="1" customWidth="1"/>
    <col min="7175" max="7175" width="9" style="26" hidden="1" customWidth="1"/>
    <col min="7176" max="7424" width="9" style="26" customWidth="1"/>
    <col min="7425" max="7425" width="4.25" style="26" customWidth="1"/>
    <col min="7426" max="7426" width="36.875" style="26" bestFit="1" customWidth="1"/>
    <col min="7427" max="7427" width="9.75" style="26" customWidth="1"/>
    <col min="7428" max="7428" width="29.375" style="26" customWidth="1"/>
    <col min="7429" max="7430" width="13.125" style="26" bestFit="1" customWidth="1"/>
    <col min="7431" max="7431" width="9" style="26" hidden="1" customWidth="1"/>
    <col min="7432" max="7680" width="9" style="26" customWidth="1"/>
    <col min="7681" max="7681" width="4.25" style="26" customWidth="1"/>
    <col min="7682" max="7682" width="36.875" style="26" bestFit="1" customWidth="1"/>
    <col min="7683" max="7683" width="9.75" style="26" customWidth="1"/>
    <col min="7684" max="7684" width="29.375" style="26" customWidth="1"/>
    <col min="7685" max="7686" width="13.125" style="26" bestFit="1" customWidth="1"/>
    <col min="7687" max="7687" width="9" style="26" hidden="1" customWidth="1"/>
    <col min="7688" max="7936" width="9" style="26" customWidth="1"/>
    <col min="7937" max="7937" width="4.25" style="26" customWidth="1"/>
    <col min="7938" max="7938" width="36.875" style="26" bestFit="1" customWidth="1"/>
    <col min="7939" max="7939" width="9.75" style="26" customWidth="1"/>
    <col min="7940" max="7940" width="29.375" style="26" customWidth="1"/>
    <col min="7941" max="7942" width="13.125" style="26" bestFit="1" customWidth="1"/>
    <col min="7943" max="7943" width="9" style="26" hidden="1" customWidth="1"/>
    <col min="7944" max="8192" width="9" style="26" customWidth="1"/>
    <col min="8193" max="8193" width="4.25" style="26" customWidth="1"/>
    <col min="8194" max="8194" width="36.875" style="26" bestFit="1" customWidth="1"/>
    <col min="8195" max="8195" width="9.75" style="26" customWidth="1"/>
    <col min="8196" max="8196" width="29.375" style="26" customWidth="1"/>
    <col min="8197" max="8198" width="13.125" style="26" bestFit="1" customWidth="1"/>
    <col min="8199" max="8199" width="9" style="26" hidden="1" customWidth="1"/>
    <col min="8200" max="8448" width="9" style="26" customWidth="1"/>
    <col min="8449" max="8449" width="4.25" style="26" customWidth="1"/>
    <col min="8450" max="8450" width="36.875" style="26" bestFit="1" customWidth="1"/>
    <col min="8451" max="8451" width="9.75" style="26" customWidth="1"/>
    <col min="8452" max="8452" width="29.375" style="26" customWidth="1"/>
    <col min="8453" max="8454" width="13.125" style="26" bestFit="1" customWidth="1"/>
    <col min="8455" max="8455" width="9" style="26" hidden="1" customWidth="1"/>
    <col min="8456" max="8704" width="9" style="26" customWidth="1"/>
    <col min="8705" max="8705" width="4.25" style="26" customWidth="1"/>
    <col min="8706" max="8706" width="36.875" style="26" bestFit="1" customWidth="1"/>
    <col min="8707" max="8707" width="9.75" style="26" customWidth="1"/>
    <col min="8708" max="8708" width="29.375" style="26" customWidth="1"/>
    <col min="8709" max="8710" width="13.125" style="26" bestFit="1" customWidth="1"/>
    <col min="8711" max="8711" width="9" style="26" hidden="1" customWidth="1"/>
    <col min="8712" max="8960" width="9" style="26" customWidth="1"/>
    <col min="8961" max="8961" width="4.25" style="26" customWidth="1"/>
    <col min="8962" max="8962" width="36.875" style="26" bestFit="1" customWidth="1"/>
    <col min="8963" max="8963" width="9.75" style="26" customWidth="1"/>
    <col min="8964" max="8964" width="29.375" style="26" customWidth="1"/>
    <col min="8965" max="8966" width="13.125" style="26" bestFit="1" customWidth="1"/>
    <col min="8967" max="8967" width="9" style="26" hidden="1" customWidth="1"/>
    <col min="8968" max="9216" width="9" style="26" customWidth="1"/>
    <col min="9217" max="9217" width="4.25" style="26" customWidth="1"/>
    <col min="9218" max="9218" width="36.875" style="26" bestFit="1" customWidth="1"/>
    <col min="9219" max="9219" width="9.75" style="26" customWidth="1"/>
    <col min="9220" max="9220" width="29.375" style="26" customWidth="1"/>
    <col min="9221" max="9222" width="13.125" style="26" bestFit="1" customWidth="1"/>
    <col min="9223" max="9223" width="9" style="26" hidden="1" customWidth="1"/>
    <col min="9224" max="9472" width="9" style="26" customWidth="1"/>
    <col min="9473" max="9473" width="4.25" style="26" customWidth="1"/>
    <col min="9474" max="9474" width="36.875" style="26" bestFit="1" customWidth="1"/>
    <col min="9475" max="9475" width="9.75" style="26" customWidth="1"/>
    <col min="9476" max="9476" width="29.375" style="26" customWidth="1"/>
    <col min="9477" max="9478" width="13.125" style="26" bestFit="1" customWidth="1"/>
    <col min="9479" max="9479" width="9" style="26" hidden="1" customWidth="1"/>
    <col min="9480" max="9728" width="9" style="26" customWidth="1"/>
    <col min="9729" max="9729" width="4.25" style="26" customWidth="1"/>
    <col min="9730" max="9730" width="36.875" style="26" bestFit="1" customWidth="1"/>
    <col min="9731" max="9731" width="9.75" style="26" customWidth="1"/>
    <col min="9732" max="9732" width="29.375" style="26" customWidth="1"/>
    <col min="9733" max="9734" width="13.125" style="26" bestFit="1" customWidth="1"/>
    <col min="9735" max="9735" width="9" style="26" hidden="1" customWidth="1"/>
    <col min="9736" max="9984" width="9" style="26" customWidth="1"/>
    <col min="9985" max="9985" width="4.25" style="26" customWidth="1"/>
    <col min="9986" max="9986" width="36.875" style="26" bestFit="1" customWidth="1"/>
    <col min="9987" max="9987" width="9.75" style="26" customWidth="1"/>
    <col min="9988" max="9988" width="29.375" style="26" customWidth="1"/>
    <col min="9989" max="9990" width="13.125" style="26" bestFit="1" customWidth="1"/>
    <col min="9991" max="9991" width="9" style="26" hidden="1" customWidth="1"/>
    <col min="9992" max="10240" width="9" style="26" customWidth="1"/>
    <col min="10241" max="10241" width="4.25" style="26" customWidth="1"/>
    <col min="10242" max="10242" width="36.875" style="26" bestFit="1" customWidth="1"/>
    <col min="10243" max="10243" width="9.75" style="26" customWidth="1"/>
    <col min="10244" max="10244" width="29.375" style="26" customWidth="1"/>
    <col min="10245" max="10246" width="13.125" style="26" bestFit="1" customWidth="1"/>
    <col min="10247" max="10247" width="9" style="26" hidden="1" customWidth="1"/>
    <col min="10248" max="10496" width="9" style="26" customWidth="1"/>
    <col min="10497" max="10497" width="4.25" style="26" customWidth="1"/>
    <col min="10498" max="10498" width="36.875" style="26" bestFit="1" customWidth="1"/>
    <col min="10499" max="10499" width="9.75" style="26" customWidth="1"/>
    <col min="10500" max="10500" width="29.375" style="26" customWidth="1"/>
    <col min="10501" max="10502" width="13.125" style="26" bestFit="1" customWidth="1"/>
    <col min="10503" max="10503" width="9" style="26" hidden="1" customWidth="1"/>
    <col min="10504" max="10752" width="9" style="26" customWidth="1"/>
    <col min="10753" max="10753" width="4.25" style="26" customWidth="1"/>
    <col min="10754" max="10754" width="36.875" style="26" bestFit="1" customWidth="1"/>
    <col min="10755" max="10755" width="9.75" style="26" customWidth="1"/>
    <col min="10756" max="10756" width="29.375" style="26" customWidth="1"/>
    <col min="10757" max="10758" width="13.125" style="26" bestFit="1" customWidth="1"/>
    <col min="10759" max="10759" width="9" style="26" hidden="1" customWidth="1"/>
    <col min="10760" max="11008" width="9" style="26" customWidth="1"/>
    <col min="11009" max="11009" width="4.25" style="26" customWidth="1"/>
    <col min="11010" max="11010" width="36.875" style="26" bestFit="1" customWidth="1"/>
    <col min="11011" max="11011" width="9.75" style="26" customWidth="1"/>
    <col min="11012" max="11012" width="29.375" style="26" customWidth="1"/>
    <col min="11013" max="11014" width="13.125" style="26" bestFit="1" customWidth="1"/>
    <col min="11015" max="11015" width="9" style="26" hidden="1" customWidth="1"/>
    <col min="11016" max="11264" width="9" style="26" customWidth="1"/>
    <col min="11265" max="11265" width="4.25" style="26" customWidth="1"/>
    <col min="11266" max="11266" width="36.875" style="26" bestFit="1" customWidth="1"/>
    <col min="11267" max="11267" width="9.75" style="26" customWidth="1"/>
    <col min="11268" max="11268" width="29.375" style="26" customWidth="1"/>
    <col min="11269" max="11270" width="13.125" style="26" bestFit="1" customWidth="1"/>
    <col min="11271" max="11271" width="9" style="26" hidden="1" customWidth="1"/>
    <col min="11272" max="11520" width="9" style="26" customWidth="1"/>
    <col min="11521" max="11521" width="4.25" style="26" customWidth="1"/>
    <col min="11522" max="11522" width="36.875" style="26" bestFit="1" customWidth="1"/>
    <col min="11523" max="11523" width="9.75" style="26" customWidth="1"/>
    <col min="11524" max="11524" width="29.375" style="26" customWidth="1"/>
    <col min="11525" max="11526" width="13.125" style="26" bestFit="1" customWidth="1"/>
    <col min="11527" max="11527" width="9" style="26" hidden="1" customWidth="1"/>
    <col min="11528" max="11776" width="9" style="26" customWidth="1"/>
    <col min="11777" max="11777" width="4.25" style="26" customWidth="1"/>
    <col min="11778" max="11778" width="36.875" style="26" bestFit="1" customWidth="1"/>
    <col min="11779" max="11779" width="9.75" style="26" customWidth="1"/>
    <col min="11780" max="11780" width="29.375" style="26" customWidth="1"/>
    <col min="11781" max="11782" width="13.125" style="26" bestFit="1" customWidth="1"/>
    <col min="11783" max="11783" width="9" style="26" hidden="1" customWidth="1"/>
    <col min="11784" max="12032" width="9" style="26" customWidth="1"/>
    <col min="12033" max="12033" width="4.25" style="26" customWidth="1"/>
    <col min="12034" max="12034" width="36.875" style="26" bestFit="1" customWidth="1"/>
    <col min="12035" max="12035" width="9.75" style="26" customWidth="1"/>
    <col min="12036" max="12036" width="29.375" style="26" customWidth="1"/>
    <col min="12037" max="12038" width="13.125" style="26" bestFit="1" customWidth="1"/>
    <col min="12039" max="12039" width="9" style="26" hidden="1" customWidth="1"/>
    <col min="12040" max="12288" width="9" style="26" customWidth="1"/>
    <col min="12289" max="12289" width="4.25" style="26" customWidth="1"/>
    <col min="12290" max="12290" width="36.875" style="26" bestFit="1" customWidth="1"/>
    <col min="12291" max="12291" width="9.75" style="26" customWidth="1"/>
    <col min="12292" max="12292" width="29.375" style="26" customWidth="1"/>
    <col min="12293" max="12294" width="13.125" style="26" bestFit="1" customWidth="1"/>
    <col min="12295" max="12295" width="9" style="26" hidden="1" customWidth="1"/>
    <col min="12296" max="12544" width="9" style="26" customWidth="1"/>
    <col min="12545" max="12545" width="4.25" style="26" customWidth="1"/>
    <col min="12546" max="12546" width="36.875" style="26" bestFit="1" customWidth="1"/>
    <col min="12547" max="12547" width="9.75" style="26" customWidth="1"/>
    <col min="12548" max="12548" width="29.375" style="26" customWidth="1"/>
    <col min="12549" max="12550" width="13.125" style="26" bestFit="1" customWidth="1"/>
    <col min="12551" max="12551" width="9" style="26" hidden="1" customWidth="1"/>
    <col min="12552" max="12800" width="9" style="26" customWidth="1"/>
    <col min="12801" max="12801" width="4.25" style="26" customWidth="1"/>
    <col min="12802" max="12802" width="36.875" style="26" bestFit="1" customWidth="1"/>
    <col min="12803" max="12803" width="9.75" style="26" customWidth="1"/>
    <col min="12804" max="12804" width="29.375" style="26" customWidth="1"/>
    <col min="12805" max="12806" width="13.125" style="26" bestFit="1" customWidth="1"/>
    <col min="12807" max="12807" width="9" style="26" hidden="1" customWidth="1"/>
    <col min="12808" max="13056" width="9" style="26" customWidth="1"/>
    <col min="13057" max="13057" width="4.25" style="26" customWidth="1"/>
    <col min="13058" max="13058" width="36.875" style="26" bestFit="1" customWidth="1"/>
    <col min="13059" max="13059" width="9.75" style="26" customWidth="1"/>
    <col min="13060" max="13060" width="29.375" style="26" customWidth="1"/>
    <col min="13061" max="13062" width="13.125" style="26" bestFit="1" customWidth="1"/>
    <col min="13063" max="13063" width="9" style="26" hidden="1" customWidth="1"/>
    <col min="13064" max="13312" width="9" style="26" customWidth="1"/>
    <col min="13313" max="13313" width="4.25" style="26" customWidth="1"/>
    <col min="13314" max="13314" width="36.875" style="26" bestFit="1" customWidth="1"/>
    <col min="13315" max="13315" width="9.75" style="26" customWidth="1"/>
    <col min="13316" max="13316" width="29.375" style="26" customWidth="1"/>
    <col min="13317" max="13318" width="13.125" style="26" bestFit="1" customWidth="1"/>
    <col min="13319" max="13319" width="9" style="26" hidden="1" customWidth="1"/>
    <col min="13320" max="13568" width="9" style="26" customWidth="1"/>
    <col min="13569" max="13569" width="4.25" style="26" customWidth="1"/>
    <col min="13570" max="13570" width="36.875" style="26" bestFit="1" customWidth="1"/>
    <col min="13571" max="13571" width="9.75" style="26" customWidth="1"/>
    <col min="13572" max="13572" width="29.375" style="26" customWidth="1"/>
    <col min="13573" max="13574" width="13.125" style="26" bestFit="1" customWidth="1"/>
    <col min="13575" max="13575" width="9" style="26" hidden="1" customWidth="1"/>
    <col min="13576" max="13824" width="9" style="26" customWidth="1"/>
    <col min="13825" max="13825" width="4.25" style="26" customWidth="1"/>
    <col min="13826" max="13826" width="36.875" style="26" bestFit="1" customWidth="1"/>
    <col min="13827" max="13827" width="9.75" style="26" customWidth="1"/>
    <col min="13828" max="13828" width="29.375" style="26" customWidth="1"/>
    <col min="13829" max="13830" width="13.125" style="26" bestFit="1" customWidth="1"/>
    <col min="13831" max="13831" width="9" style="26" hidden="1" customWidth="1"/>
    <col min="13832" max="14080" width="9" style="26" customWidth="1"/>
    <col min="14081" max="14081" width="4.25" style="26" customWidth="1"/>
    <col min="14082" max="14082" width="36.875" style="26" bestFit="1" customWidth="1"/>
    <col min="14083" max="14083" width="9.75" style="26" customWidth="1"/>
    <col min="14084" max="14084" width="29.375" style="26" customWidth="1"/>
    <col min="14085" max="14086" width="13.125" style="26" bestFit="1" customWidth="1"/>
    <col min="14087" max="14087" width="9" style="26" hidden="1" customWidth="1"/>
    <col min="14088" max="14336" width="9" style="26" customWidth="1"/>
    <col min="14337" max="14337" width="4.25" style="26" customWidth="1"/>
    <col min="14338" max="14338" width="36.875" style="26" bestFit="1" customWidth="1"/>
    <col min="14339" max="14339" width="9.75" style="26" customWidth="1"/>
    <col min="14340" max="14340" width="29.375" style="26" customWidth="1"/>
    <col min="14341" max="14342" width="13.125" style="26" bestFit="1" customWidth="1"/>
    <col min="14343" max="14343" width="9" style="26" hidden="1" customWidth="1"/>
    <col min="14344" max="14592" width="9" style="26" customWidth="1"/>
    <col min="14593" max="14593" width="4.25" style="26" customWidth="1"/>
    <col min="14594" max="14594" width="36.875" style="26" bestFit="1" customWidth="1"/>
    <col min="14595" max="14595" width="9.75" style="26" customWidth="1"/>
    <col min="14596" max="14596" width="29.375" style="26" customWidth="1"/>
    <col min="14597" max="14598" width="13.125" style="26" bestFit="1" customWidth="1"/>
    <col min="14599" max="14599" width="9" style="26" hidden="1" customWidth="1"/>
    <col min="14600" max="14848" width="9" style="26" customWidth="1"/>
    <col min="14849" max="14849" width="4.25" style="26" customWidth="1"/>
    <col min="14850" max="14850" width="36.875" style="26" bestFit="1" customWidth="1"/>
    <col min="14851" max="14851" width="9.75" style="26" customWidth="1"/>
    <col min="14852" max="14852" width="29.375" style="26" customWidth="1"/>
    <col min="14853" max="14854" width="13.125" style="26" bestFit="1" customWidth="1"/>
    <col min="14855" max="14855" width="9" style="26" hidden="1" customWidth="1"/>
    <col min="14856" max="15104" width="9" style="26" customWidth="1"/>
    <col min="15105" max="15105" width="4.25" style="26" customWidth="1"/>
    <col min="15106" max="15106" width="36.875" style="26" bestFit="1" customWidth="1"/>
    <col min="15107" max="15107" width="9.75" style="26" customWidth="1"/>
    <col min="15108" max="15108" width="29.375" style="26" customWidth="1"/>
    <col min="15109" max="15110" width="13.125" style="26" bestFit="1" customWidth="1"/>
    <col min="15111" max="15111" width="9" style="26" hidden="1" customWidth="1"/>
    <col min="15112" max="15360" width="9" style="26" customWidth="1"/>
    <col min="15361" max="15361" width="4.25" style="26" customWidth="1"/>
    <col min="15362" max="15362" width="36.875" style="26" bestFit="1" customWidth="1"/>
    <col min="15363" max="15363" width="9.75" style="26" customWidth="1"/>
    <col min="15364" max="15364" width="29.375" style="26" customWidth="1"/>
    <col min="15365" max="15366" width="13.125" style="26" bestFit="1" customWidth="1"/>
    <col min="15367" max="15367" width="9" style="26" hidden="1" customWidth="1"/>
    <col min="15368" max="15616" width="9" style="26" customWidth="1"/>
    <col min="15617" max="15617" width="4.25" style="26" customWidth="1"/>
    <col min="15618" max="15618" width="36.875" style="26" bestFit="1" customWidth="1"/>
    <col min="15619" max="15619" width="9.75" style="26" customWidth="1"/>
    <col min="15620" max="15620" width="29.375" style="26" customWidth="1"/>
    <col min="15621" max="15622" width="13.125" style="26" bestFit="1" customWidth="1"/>
    <col min="15623" max="15623" width="9" style="26" hidden="1" customWidth="1"/>
    <col min="15624" max="15872" width="9" style="26" customWidth="1"/>
    <col min="15873" max="15873" width="4.25" style="26" customWidth="1"/>
    <col min="15874" max="15874" width="36.875" style="26" bestFit="1" customWidth="1"/>
    <col min="15875" max="15875" width="9.75" style="26" customWidth="1"/>
    <col min="15876" max="15876" width="29.375" style="26" customWidth="1"/>
    <col min="15877" max="15878" width="13.125" style="26" bestFit="1" customWidth="1"/>
    <col min="15879" max="15879" width="9" style="26" hidden="1" customWidth="1"/>
    <col min="15880" max="16128" width="9" style="26" customWidth="1"/>
    <col min="16129" max="16129" width="4.25" style="26" customWidth="1"/>
    <col min="16130" max="16130" width="36.875" style="26" bestFit="1" customWidth="1"/>
    <col min="16131" max="16131" width="9.75" style="26" customWidth="1"/>
    <col min="16132" max="16132" width="29.375" style="26" customWidth="1"/>
    <col min="16133" max="16134" width="13.125" style="26" bestFit="1" customWidth="1"/>
    <col min="16135" max="16135" width="9" style="26" hidden="1" customWidth="1"/>
    <col min="16136" max="16384" width="9" style="26" customWidth="1"/>
  </cols>
  <sheetData>
    <row r="1" spans="1:8" s="27" customFormat="1" ht="37.5" customHeight="1" x14ac:dyDescent="0.15">
      <c r="A1" s="8"/>
      <c r="B1" s="10" t="s">
        <v>75</v>
      </c>
      <c r="C1" s="10" t="s">
        <v>722</v>
      </c>
      <c r="D1" s="10" t="s">
        <v>90</v>
      </c>
      <c r="E1" s="10" t="s">
        <v>141</v>
      </c>
      <c r="F1" s="10" t="s">
        <v>91</v>
      </c>
      <c r="G1" s="10" t="s">
        <v>93</v>
      </c>
      <c r="H1" s="28"/>
    </row>
    <row r="2" spans="1:8" ht="26.25" customHeight="1" x14ac:dyDescent="0.15">
      <c r="A2" s="9">
        <v>1</v>
      </c>
      <c r="B2" s="11" t="s">
        <v>414</v>
      </c>
      <c r="C2" s="14" t="s">
        <v>244</v>
      </c>
      <c r="D2" s="11" t="s">
        <v>721</v>
      </c>
      <c r="E2" s="14">
        <v>120</v>
      </c>
      <c r="F2" s="14" t="s">
        <v>127</v>
      </c>
      <c r="G2" s="14" t="s">
        <v>725</v>
      </c>
      <c r="H2" s="29"/>
    </row>
  </sheetData>
  <phoneticPr fontId="6"/>
  <pageMargins left="0.7" right="0.7" top="0.75" bottom="0.75" header="0.3" footer="0.3"/>
  <pageSetup paperSize="9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5"/>
  </sheetPr>
  <dimension ref="A1:WVO10"/>
  <sheetViews>
    <sheetView view="pageBreakPreview" zoomScale="80" zoomScaleNormal="90" zoomScaleSheetLayoutView="80" workbookViewId="0">
      <pane ySplit="1" topLeftCell="A2" activePane="bottomLeft" state="frozen"/>
      <selection pane="bottomLeft" activeCell="K5" sqref="K5"/>
    </sheetView>
  </sheetViews>
  <sheetFormatPr defaultRowHeight="13.5" x14ac:dyDescent="0.15"/>
  <cols>
    <col min="1" max="1" width="4.25" style="1" customWidth="1"/>
    <col min="2" max="2" width="36.875" style="1" bestFit="1" customWidth="1"/>
    <col min="3" max="3" width="13.625" style="5" customWidth="1"/>
    <col min="4" max="4" width="29.375" style="1" customWidth="1"/>
    <col min="5" max="5" width="7.625" style="25" customWidth="1"/>
    <col min="6" max="7" width="17.875" style="1" customWidth="1"/>
    <col min="8" max="256" width="9" style="26" customWidth="1"/>
    <col min="257" max="257" width="4.25" style="26" customWidth="1"/>
    <col min="258" max="258" width="36.875" style="26" bestFit="1" customWidth="1"/>
    <col min="259" max="259" width="9.75" style="26" customWidth="1"/>
    <col min="260" max="260" width="29.375" style="26" customWidth="1"/>
    <col min="261" max="262" width="13.125" style="26" bestFit="1" customWidth="1"/>
    <col min="263" max="263" width="9" style="26" hidden="1" customWidth="1"/>
    <col min="264" max="512" width="9" style="26" customWidth="1"/>
    <col min="513" max="513" width="4.25" style="26" customWidth="1"/>
    <col min="514" max="514" width="36.875" style="26" bestFit="1" customWidth="1"/>
    <col min="515" max="515" width="9.75" style="26" customWidth="1"/>
    <col min="516" max="516" width="29.375" style="26" customWidth="1"/>
    <col min="517" max="518" width="13.125" style="26" bestFit="1" customWidth="1"/>
    <col min="519" max="519" width="9" style="26" hidden="1" customWidth="1"/>
    <col min="520" max="768" width="9" style="26" customWidth="1"/>
    <col min="769" max="769" width="4.25" style="26" customWidth="1"/>
    <col min="770" max="770" width="36.875" style="26" bestFit="1" customWidth="1"/>
    <col min="771" max="771" width="9.75" style="26" customWidth="1"/>
    <col min="772" max="772" width="29.375" style="26" customWidth="1"/>
    <col min="773" max="774" width="13.125" style="26" bestFit="1" customWidth="1"/>
    <col min="775" max="775" width="9" style="26" hidden="1" customWidth="1"/>
    <col min="776" max="1024" width="9" style="26" customWidth="1"/>
    <col min="1025" max="1025" width="4.25" style="26" customWidth="1"/>
    <col min="1026" max="1026" width="36.875" style="26" bestFit="1" customWidth="1"/>
    <col min="1027" max="1027" width="9.75" style="26" customWidth="1"/>
    <col min="1028" max="1028" width="29.375" style="26" customWidth="1"/>
    <col min="1029" max="1030" width="13.125" style="26" bestFit="1" customWidth="1"/>
    <col min="1031" max="1031" width="9" style="26" hidden="1" customWidth="1"/>
    <col min="1032" max="1280" width="9" style="26" customWidth="1"/>
    <col min="1281" max="1281" width="4.25" style="26" customWidth="1"/>
    <col min="1282" max="1282" width="36.875" style="26" bestFit="1" customWidth="1"/>
    <col min="1283" max="1283" width="9.75" style="26" customWidth="1"/>
    <col min="1284" max="1284" width="29.375" style="26" customWidth="1"/>
    <col min="1285" max="1286" width="13.125" style="26" bestFit="1" customWidth="1"/>
    <col min="1287" max="1287" width="9" style="26" hidden="1" customWidth="1"/>
    <col min="1288" max="1536" width="9" style="26" customWidth="1"/>
    <col min="1537" max="1537" width="4.25" style="26" customWidth="1"/>
    <col min="1538" max="1538" width="36.875" style="26" bestFit="1" customWidth="1"/>
    <col min="1539" max="1539" width="9.75" style="26" customWidth="1"/>
    <col min="1540" max="1540" width="29.375" style="26" customWidth="1"/>
    <col min="1541" max="1542" width="13.125" style="26" bestFit="1" customWidth="1"/>
    <col min="1543" max="1543" width="9" style="26" hidden="1" customWidth="1"/>
    <col min="1544" max="1792" width="9" style="26" customWidth="1"/>
    <col min="1793" max="1793" width="4.25" style="26" customWidth="1"/>
    <col min="1794" max="1794" width="36.875" style="26" bestFit="1" customWidth="1"/>
    <col min="1795" max="1795" width="9.75" style="26" customWidth="1"/>
    <col min="1796" max="1796" width="29.375" style="26" customWidth="1"/>
    <col min="1797" max="1798" width="13.125" style="26" bestFit="1" customWidth="1"/>
    <col min="1799" max="1799" width="9" style="26" hidden="1" customWidth="1"/>
    <col min="1800" max="2048" width="9" style="26" customWidth="1"/>
    <col min="2049" max="2049" width="4.25" style="26" customWidth="1"/>
    <col min="2050" max="2050" width="36.875" style="26" bestFit="1" customWidth="1"/>
    <col min="2051" max="2051" width="9.75" style="26" customWidth="1"/>
    <col min="2052" max="2052" width="29.375" style="26" customWidth="1"/>
    <col min="2053" max="2054" width="13.125" style="26" bestFit="1" customWidth="1"/>
    <col min="2055" max="2055" width="9" style="26" hidden="1" customWidth="1"/>
    <col min="2056" max="2304" width="9" style="26" customWidth="1"/>
    <col min="2305" max="2305" width="4.25" style="26" customWidth="1"/>
    <col min="2306" max="2306" width="36.875" style="26" bestFit="1" customWidth="1"/>
    <col min="2307" max="2307" width="9.75" style="26" customWidth="1"/>
    <col min="2308" max="2308" width="29.375" style="26" customWidth="1"/>
    <col min="2309" max="2310" width="13.125" style="26" bestFit="1" customWidth="1"/>
    <col min="2311" max="2311" width="9" style="26" hidden="1" customWidth="1"/>
    <col min="2312" max="2560" width="9" style="26" customWidth="1"/>
    <col min="2561" max="2561" width="4.25" style="26" customWidth="1"/>
    <col min="2562" max="2562" width="36.875" style="26" bestFit="1" customWidth="1"/>
    <col min="2563" max="2563" width="9.75" style="26" customWidth="1"/>
    <col min="2564" max="2564" width="29.375" style="26" customWidth="1"/>
    <col min="2565" max="2566" width="13.125" style="26" bestFit="1" customWidth="1"/>
    <col min="2567" max="2567" width="9" style="26" hidden="1" customWidth="1"/>
    <col min="2568" max="2816" width="9" style="26" customWidth="1"/>
    <col min="2817" max="2817" width="4.25" style="26" customWidth="1"/>
    <col min="2818" max="2818" width="36.875" style="26" bestFit="1" customWidth="1"/>
    <col min="2819" max="2819" width="9.75" style="26" customWidth="1"/>
    <col min="2820" max="2820" width="29.375" style="26" customWidth="1"/>
    <col min="2821" max="2822" width="13.125" style="26" bestFit="1" customWidth="1"/>
    <col min="2823" max="2823" width="9" style="26" hidden="1" customWidth="1"/>
    <col min="2824" max="3072" width="9" style="26" customWidth="1"/>
    <col min="3073" max="3073" width="4.25" style="26" customWidth="1"/>
    <col min="3074" max="3074" width="36.875" style="26" bestFit="1" customWidth="1"/>
    <col min="3075" max="3075" width="9.75" style="26" customWidth="1"/>
    <col min="3076" max="3076" width="29.375" style="26" customWidth="1"/>
    <col min="3077" max="3078" width="13.125" style="26" bestFit="1" customWidth="1"/>
    <col min="3079" max="3079" width="9" style="26" hidden="1" customWidth="1"/>
    <col min="3080" max="3328" width="9" style="26" customWidth="1"/>
    <col min="3329" max="3329" width="4.25" style="26" customWidth="1"/>
    <col min="3330" max="3330" width="36.875" style="26" bestFit="1" customWidth="1"/>
    <col min="3331" max="3331" width="9.75" style="26" customWidth="1"/>
    <col min="3332" max="3332" width="29.375" style="26" customWidth="1"/>
    <col min="3333" max="3334" width="13.125" style="26" bestFit="1" customWidth="1"/>
    <col min="3335" max="3335" width="9" style="26" hidden="1" customWidth="1"/>
    <col min="3336" max="3584" width="9" style="26" customWidth="1"/>
    <col min="3585" max="3585" width="4.25" style="26" customWidth="1"/>
    <col min="3586" max="3586" width="36.875" style="26" bestFit="1" customWidth="1"/>
    <col min="3587" max="3587" width="9.75" style="26" customWidth="1"/>
    <col min="3588" max="3588" width="29.375" style="26" customWidth="1"/>
    <col min="3589" max="3590" width="13.125" style="26" bestFit="1" customWidth="1"/>
    <col min="3591" max="3591" width="9" style="26" hidden="1" customWidth="1"/>
    <col min="3592" max="3840" width="9" style="26" customWidth="1"/>
    <col min="3841" max="3841" width="4.25" style="26" customWidth="1"/>
    <col min="3842" max="3842" width="36.875" style="26" bestFit="1" customWidth="1"/>
    <col min="3843" max="3843" width="9.75" style="26" customWidth="1"/>
    <col min="3844" max="3844" width="29.375" style="26" customWidth="1"/>
    <col min="3845" max="3846" width="13.125" style="26" bestFit="1" customWidth="1"/>
    <col min="3847" max="3847" width="9" style="26" hidden="1" customWidth="1"/>
    <col min="3848" max="4096" width="9" style="26" customWidth="1"/>
    <col min="4097" max="4097" width="4.25" style="26" customWidth="1"/>
    <col min="4098" max="4098" width="36.875" style="26" bestFit="1" customWidth="1"/>
    <col min="4099" max="4099" width="9.75" style="26" customWidth="1"/>
    <col min="4100" max="4100" width="29.375" style="26" customWidth="1"/>
    <col min="4101" max="4102" width="13.125" style="26" bestFit="1" customWidth="1"/>
    <col min="4103" max="4103" width="9" style="26" hidden="1" customWidth="1"/>
    <col min="4104" max="4352" width="9" style="26" customWidth="1"/>
    <col min="4353" max="4353" width="4.25" style="26" customWidth="1"/>
    <col min="4354" max="4354" width="36.875" style="26" bestFit="1" customWidth="1"/>
    <col min="4355" max="4355" width="9.75" style="26" customWidth="1"/>
    <col min="4356" max="4356" width="29.375" style="26" customWidth="1"/>
    <col min="4357" max="4358" width="13.125" style="26" bestFit="1" customWidth="1"/>
    <col min="4359" max="4359" width="9" style="26" hidden="1" customWidth="1"/>
    <col min="4360" max="4608" width="9" style="26" customWidth="1"/>
    <col min="4609" max="4609" width="4.25" style="26" customWidth="1"/>
    <col min="4610" max="4610" width="36.875" style="26" bestFit="1" customWidth="1"/>
    <col min="4611" max="4611" width="9.75" style="26" customWidth="1"/>
    <col min="4612" max="4612" width="29.375" style="26" customWidth="1"/>
    <col min="4613" max="4614" width="13.125" style="26" bestFit="1" customWidth="1"/>
    <col min="4615" max="4615" width="9" style="26" hidden="1" customWidth="1"/>
    <col min="4616" max="4864" width="9" style="26" customWidth="1"/>
    <col min="4865" max="4865" width="4.25" style="26" customWidth="1"/>
    <col min="4866" max="4866" width="36.875" style="26" bestFit="1" customWidth="1"/>
    <col min="4867" max="4867" width="9.75" style="26" customWidth="1"/>
    <col min="4868" max="4868" width="29.375" style="26" customWidth="1"/>
    <col min="4869" max="4870" width="13.125" style="26" bestFit="1" customWidth="1"/>
    <col min="4871" max="4871" width="9" style="26" hidden="1" customWidth="1"/>
    <col min="4872" max="5120" width="9" style="26" customWidth="1"/>
    <col min="5121" max="5121" width="4.25" style="26" customWidth="1"/>
    <col min="5122" max="5122" width="36.875" style="26" bestFit="1" customWidth="1"/>
    <col min="5123" max="5123" width="9.75" style="26" customWidth="1"/>
    <col min="5124" max="5124" width="29.375" style="26" customWidth="1"/>
    <col min="5125" max="5126" width="13.125" style="26" bestFit="1" customWidth="1"/>
    <col min="5127" max="5127" width="9" style="26" hidden="1" customWidth="1"/>
    <col min="5128" max="5376" width="9" style="26" customWidth="1"/>
    <col min="5377" max="5377" width="4.25" style="26" customWidth="1"/>
    <col min="5378" max="5378" width="36.875" style="26" bestFit="1" customWidth="1"/>
    <col min="5379" max="5379" width="9.75" style="26" customWidth="1"/>
    <col min="5380" max="5380" width="29.375" style="26" customWidth="1"/>
    <col min="5381" max="5382" width="13.125" style="26" bestFit="1" customWidth="1"/>
    <col min="5383" max="5383" width="9" style="26" hidden="1" customWidth="1"/>
    <col min="5384" max="5632" width="9" style="26" customWidth="1"/>
    <col min="5633" max="5633" width="4.25" style="26" customWidth="1"/>
    <col min="5634" max="5634" width="36.875" style="26" bestFit="1" customWidth="1"/>
    <col min="5635" max="5635" width="9.75" style="26" customWidth="1"/>
    <col min="5636" max="5636" width="29.375" style="26" customWidth="1"/>
    <col min="5637" max="5638" width="13.125" style="26" bestFit="1" customWidth="1"/>
    <col min="5639" max="5639" width="9" style="26" hidden="1" customWidth="1"/>
    <col min="5640" max="5888" width="9" style="26" customWidth="1"/>
    <col min="5889" max="5889" width="4.25" style="26" customWidth="1"/>
    <col min="5890" max="5890" width="36.875" style="26" bestFit="1" customWidth="1"/>
    <col min="5891" max="5891" width="9.75" style="26" customWidth="1"/>
    <col min="5892" max="5892" width="29.375" style="26" customWidth="1"/>
    <col min="5893" max="5894" width="13.125" style="26" bestFit="1" customWidth="1"/>
    <col min="5895" max="5895" width="9" style="26" hidden="1" customWidth="1"/>
    <col min="5896" max="6144" width="9" style="26" customWidth="1"/>
    <col min="6145" max="6145" width="4.25" style="26" customWidth="1"/>
    <col min="6146" max="6146" width="36.875" style="26" bestFit="1" customWidth="1"/>
    <col min="6147" max="6147" width="9.75" style="26" customWidth="1"/>
    <col min="6148" max="6148" width="29.375" style="26" customWidth="1"/>
    <col min="6149" max="6150" width="13.125" style="26" bestFit="1" customWidth="1"/>
    <col min="6151" max="6151" width="9" style="26" hidden="1" customWidth="1"/>
    <col min="6152" max="6400" width="9" style="26" customWidth="1"/>
    <col min="6401" max="6401" width="4.25" style="26" customWidth="1"/>
    <col min="6402" max="6402" width="36.875" style="26" bestFit="1" customWidth="1"/>
    <col min="6403" max="6403" width="9.75" style="26" customWidth="1"/>
    <col min="6404" max="6404" width="29.375" style="26" customWidth="1"/>
    <col min="6405" max="6406" width="13.125" style="26" bestFit="1" customWidth="1"/>
    <col min="6407" max="6407" width="9" style="26" hidden="1" customWidth="1"/>
    <col min="6408" max="6656" width="9" style="26" customWidth="1"/>
    <col min="6657" max="6657" width="4.25" style="26" customWidth="1"/>
    <col min="6658" max="6658" width="36.875" style="26" bestFit="1" customWidth="1"/>
    <col min="6659" max="6659" width="9.75" style="26" customWidth="1"/>
    <col min="6660" max="6660" width="29.375" style="26" customWidth="1"/>
    <col min="6661" max="6662" width="13.125" style="26" bestFit="1" customWidth="1"/>
    <col min="6663" max="6663" width="9" style="26" hidden="1" customWidth="1"/>
    <col min="6664" max="6912" width="9" style="26" customWidth="1"/>
    <col min="6913" max="6913" width="4.25" style="26" customWidth="1"/>
    <col min="6914" max="6914" width="36.875" style="26" bestFit="1" customWidth="1"/>
    <col min="6915" max="6915" width="9.75" style="26" customWidth="1"/>
    <col min="6916" max="6916" width="29.375" style="26" customWidth="1"/>
    <col min="6917" max="6918" width="13.125" style="26" bestFit="1" customWidth="1"/>
    <col min="6919" max="6919" width="9" style="26" hidden="1" customWidth="1"/>
    <col min="6920" max="7168" width="9" style="26" customWidth="1"/>
    <col min="7169" max="7169" width="4.25" style="26" customWidth="1"/>
    <col min="7170" max="7170" width="36.875" style="26" bestFit="1" customWidth="1"/>
    <col min="7171" max="7171" width="9.75" style="26" customWidth="1"/>
    <col min="7172" max="7172" width="29.375" style="26" customWidth="1"/>
    <col min="7173" max="7174" width="13.125" style="26" bestFit="1" customWidth="1"/>
    <col min="7175" max="7175" width="9" style="26" hidden="1" customWidth="1"/>
    <col min="7176" max="7424" width="9" style="26" customWidth="1"/>
    <col min="7425" max="7425" width="4.25" style="26" customWidth="1"/>
    <col min="7426" max="7426" width="36.875" style="26" bestFit="1" customWidth="1"/>
    <col min="7427" max="7427" width="9.75" style="26" customWidth="1"/>
    <col min="7428" max="7428" width="29.375" style="26" customWidth="1"/>
    <col min="7429" max="7430" width="13.125" style="26" bestFit="1" customWidth="1"/>
    <col min="7431" max="7431" width="9" style="26" hidden="1" customWidth="1"/>
    <col min="7432" max="7680" width="9" style="26" customWidth="1"/>
    <col min="7681" max="7681" width="4.25" style="26" customWidth="1"/>
    <col min="7682" max="7682" width="36.875" style="26" bestFit="1" customWidth="1"/>
    <col min="7683" max="7683" width="9.75" style="26" customWidth="1"/>
    <col min="7684" max="7684" width="29.375" style="26" customWidth="1"/>
    <col min="7685" max="7686" width="13.125" style="26" bestFit="1" customWidth="1"/>
    <col min="7687" max="7687" width="9" style="26" hidden="1" customWidth="1"/>
    <col min="7688" max="7936" width="9" style="26" customWidth="1"/>
    <col min="7937" max="7937" width="4.25" style="26" customWidth="1"/>
    <col min="7938" max="7938" width="36.875" style="26" bestFit="1" customWidth="1"/>
    <col min="7939" max="7939" width="9.75" style="26" customWidth="1"/>
    <col min="7940" max="7940" width="29.375" style="26" customWidth="1"/>
    <col min="7941" max="7942" width="13.125" style="26" bestFit="1" customWidth="1"/>
    <col min="7943" max="7943" width="9" style="26" hidden="1" customWidth="1"/>
    <col min="7944" max="8192" width="9" style="26" customWidth="1"/>
    <col min="8193" max="8193" width="4.25" style="26" customWidth="1"/>
    <col min="8194" max="8194" width="36.875" style="26" bestFit="1" customWidth="1"/>
    <col min="8195" max="8195" width="9.75" style="26" customWidth="1"/>
    <col min="8196" max="8196" width="29.375" style="26" customWidth="1"/>
    <col min="8197" max="8198" width="13.125" style="26" bestFit="1" customWidth="1"/>
    <col min="8199" max="8199" width="9" style="26" hidden="1" customWidth="1"/>
    <col min="8200" max="8448" width="9" style="26" customWidth="1"/>
    <col min="8449" max="8449" width="4.25" style="26" customWidth="1"/>
    <col min="8450" max="8450" width="36.875" style="26" bestFit="1" customWidth="1"/>
    <col min="8451" max="8451" width="9.75" style="26" customWidth="1"/>
    <col min="8452" max="8452" width="29.375" style="26" customWidth="1"/>
    <col min="8453" max="8454" width="13.125" style="26" bestFit="1" customWidth="1"/>
    <col min="8455" max="8455" width="9" style="26" hidden="1" customWidth="1"/>
    <col min="8456" max="8704" width="9" style="26" customWidth="1"/>
    <col min="8705" max="8705" width="4.25" style="26" customWidth="1"/>
    <col min="8706" max="8706" width="36.875" style="26" bestFit="1" customWidth="1"/>
    <col min="8707" max="8707" width="9.75" style="26" customWidth="1"/>
    <col min="8708" max="8708" width="29.375" style="26" customWidth="1"/>
    <col min="8709" max="8710" width="13.125" style="26" bestFit="1" customWidth="1"/>
    <col min="8711" max="8711" width="9" style="26" hidden="1" customWidth="1"/>
    <col min="8712" max="8960" width="9" style="26" customWidth="1"/>
    <col min="8961" max="8961" width="4.25" style="26" customWidth="1"/>
    <col min="8962" max="8962" width="36.875" style="26" bestFit="1" customWidth="1"/>
    <col min="8963" max="8963" width="9.75" style="26" customWidth="1"/>
    <col min="8964" max="8964" width="29.375" style="26" customWidth="1"/>
    <col min="8965" max="8966" width="13.125" style="26" bestFit="1" customWidth="1"/>
    <col min="8967" max="8967" width="9" style="26" hidden="1" customWidth="1"/>
    <col min="8968" max="9216" width="9" style="26" customWidth="1"/>
    <col min="9217" max="9217" width="4.25" style="26" customWidth="1"/>
    <col min="9218" max="9218" width="36.875" style="26" bestFit="1" customWidth="1"/>
    <col min="9219" max="9219" width="9.75" style="26" customWidth="1"/>
    <col min="9220" max="9220" width="29.375" style="26" customWidth="1"/>
    <col min="9221" max="9222" width="13.125" style="26" bestFit="1" customWidth="1"/>
    <col min="9223" max="9223" width="9" style="26" hidden="1" customWidth="1"/>
    <col min="9224" max="9472" width="9" style="26" customWidth="1"/>
    <col min="9473" max="9473" width="4.25" style="26" customWidth="1"/>
    <col min="9474" max="9474" width="36.875" style="26" bestFit="1" customWidth="1"/>
    <col min="9475" max="9475" width="9.75" style="26" customWidth="1"/>
    <col min="9476" max="9476" width="29.375" style="26" customWidth="1"/>
    <col min="9477" max="9478" width="13.125" style="26" bestFit="1" customWidth="1"/>
    <col min="9479" max="9479" width="9" style="26" hidden="1" customWidth="1"/>
    <col min="9480" max="9728" width="9" style="26" customWidth="1"/>
    <col min="9729" max="9729" width="4.25" style="26" customWidth="1"/>
    <col min="9730" max="9730" width="36.875" style="26" bestFit="1" customWidth="1"/>
    <col min="9731" max="9731" width="9.75" style="26" customWidth="1"/>
    <col min="9732" max="9732" width="29.375" style="26" customWidth="1"/>
    <col min="9733" max="9734" width="13.125" style="26" bestFit="1" customWidth="1"/>
    <col min="9735" max="9735" width="9" style="26" hidden="1" customWidth="1"/>
    <col min="9736" max="9984" width="9" style="26" customWidth="1"/>
    <col min="9985" max="9985" width="4.25" style="26" customWidth="1"/>
    <col min="9986" max="9986" width="36.875" style="26" bestFit="1" customWidth="1"/>
    <col min="9987" max="9987" width="9.75" style="26" customWidth="1"/>
    <col min="9988" max="9988" width="29.375" style="26" customWidth="1"/>
    <col min="9989" max="9990" width="13.125" style="26" bestFit="1" customWidth="1"/>
    <col min="9991" max="9991" width="9" style="26" hidden="1" customWidth="1"/>
    <col min="9992" max="10240" width="9" style="26" customWidth="1"/>
    <col min="10241" max="10241" width="4.25" style="26" customWidth="1"/>
    <col min="10242" max="10242" width="36.875" style="26" bestFit="1" customWidth="1"/>
    <col min="10243" max="10243" width="9.75" style="26" customWidth="1"/>
    <col min="10244" max="10244" width="29.375" style="26" customWidth="1"/>
    <col min="10245" max="10246" width="13.125" style="26" bestFit="1" customWidth="1"/>
    <col min="10247" max="10247" width="9" style="26" hidden="1" customWidth="1"/>
    <col min="10248" max="10496" width="9" style="26" customWidth="1"/>
    <col min="10497" max="10497" width="4.25" style="26" customWidth="1"/>
    <col min="10498" max="10498" width="36.875" style="26" bestFit="1" customWidth="1"/>
    <col min="10499" max="10499" width="9.75" style="26" customWidth="1"/>
    <col min="10500" max="10500" width="29.375" style="26" customWidth="1"/>
    <col min="10501" max="10502" width="13.125" style="26" bestFit="1" customWidth="1"/>
    <col min="10503" max="10503" width="9" style="26" hidden="1" customWidth="1"/>
    <col min="10504" max="10752" width="9" style="26" customWidth="1"/>
    <col min="10753" max="10753" width="4.25" style="26" customWidth="1"/>
    <col min="10754" max="10754" width="36.875" style="26" bestFit="1" customWidth="1"/>
    <col min="10755" max="10755" width="9.75" style="26" customWidth="1"/>
    <col min="10756" max="10756" width="29.375" style="26" customWidth="1"/>
    <col min="10757" max="10758" width="13.125" style="26" bestFit="1" customWidth="1"/>
    <col min="10759" max="10759" width="9" style="26" hidden="1" customWidth="1"/>
    <col min="10760" max="11008" width="9" style="26" customWidth="1"/>
    <col min="11009" max="11009" width="4.25" style="26" customWidth="1"/>
    <col min="11010" max="11010" width="36.875" style="26" bestFit="1" customWidth="1"/>
    <col min="11011" max="11011" width="9.75" style="26" customWidth="1"/>
    <col min="11012" max="11012" width="29.375" style="26" customWidth="1"/>
    <col min="11013" max="11014" width="13.125" style="26" bestFit="1" customWidth="1"/>
    <col min="11015" max="11015" width="9" style="26" hidden="1" customWidth="1"/>
    <col min="11016" max="11264" width="9" style="26" customWidth="1"/>
    <col min="11265" max="11265" width="4.25" style="26" customWidth="1"/>
    <col min="11266" max="11266" width="36.875" style="26" bestFit="1" customWidth="1"/>
    <col min="11267" max="11267" width="9.75" style="26" customWidth="1"/>
    <col min="11268" max="11268" width="29.375" style="26" customWidth="1"/>
    <col min="11269" max="11270" width="13.125" style="26" bestFit="1" customWidth="1"/>
    <col min="11271" max="11271" width="9" style="26" hidden="1" customWidth="1"/>
    <col min="11272" max="11520" width="9" style="26" customWidth="1"/>
    <col min="11521" max="11521" width="4.25" style="26" customWidth="1"/>
    <col min="11522" max="11522" width="36.875" style="26" bestFit="1" customWidth="1"/>
    <col min="11523" max="11523" width="9.75" style="26" customWidth="1"/>
    <col min="11524" max="11524" width="29.375" style="26" customWidth="1"/>
    <col min="11525" max="11526" width="13.125" style="26" bestFit="1" customWidth="1"/>
    <col min="11527" max="11527" width="9" style="26" hidden="1" customWidth="1"/>
    <col min="11528" max="11776" width="9" style="26" customWidth="1"/>
    <col min="11777" max="11777" width="4.25" style="26" customWidth="1"/>
    <col min="11778" max="11778" width="36.875" style="26" bestFit="1" customWidth="1"/>
    <col min="11779" max="11779" width="9.75" style="26" customWidth="1"/>
    <col min="11780" max="11780" width="29.375" style="26" customWidth="1"/>
    <col min="11781" max="11782" width="13.125" style="26" bestFit="1" customWidth="1"/>
    <col min="11783" max="11783" width="9" style="26" hidden="1" customWidth="1"/>
    <col min="11784" max="12032" width="9" style="26" customWidth="1"/>
    <col min="12033" max="12033" width="4.25" style="26" customWidth="1"/>
    <col min="12034" max="12034" width="36.875" style="26" bestFit="1" customWidth="1"/>
    <col min="12035" max="12035" width="9.75" style="26" customWidth="1"/>
    <col min="12036" max="12036" width="29.375" style="26" customWidth="1"/>
    <col min="12037" max="12038" width="13.125" style="26" bestFit="1" customWidth="1"/>
    <col min="12039" max="12039" width="9" style="26" hidden="1" customWidth="1"/>
    <col min="12040" max="12288" width="9" style="26" customWidth="1"/>
    <col min="12289" max="12289" width="4.25" style="26" customWidth="1"/>
    <col min="12290" max="12290" width="36.875" style="26" bestFit="1" customWidth="1"/>
    <col min="12291" max="12291" width="9.75" style="26" customWidth="1"/>
    <col min="12292" max="12292" width="29.375" style="26" customWidth="1"/>
    <col min="12293" max="12294" width="13.125" style="26" bestFit="1" customWidth="1"/>
    <col min="12295" max="12295" width="9" style="26" hidden="1" customWidth="1"/>
    <col min="12296" max="12544" width="9" style="26" customWidth="1"/>
    <col min="12545" max="12545" width="4.25" style="26" customWidth="1"/>
    <col min="12546" max="12546" width="36.875" style="26" bestFit="1" customWidth="1"/>
    <col min="12547" max="12547" width="9.75" style="26" customWidth="1"/>
    <col min="12548" max="12548" width="29.375" style="26" customWidth="1"/>
    <col min="12549" max="12550" width="13.125" style="26" bestFit="1" customWidth="1"/>
    <col min="12551" max="12551" width="9" style="26" hidden="1" customWidth="1"/>
    <col min="12552" max="12800" width="9" style="26" customWidth="1"/>
    <col min="12801" max="12801" width="4.25" style="26" customWidth="1"/>
    <col min="12802" max="12802" width="36.875" style="26" bestFit="1" customWidth="1"/>
    <col min="12803" max="12803" width="9.75" style="26" customWidth="1"/>
    <col min="12804" max="12804" width="29.375" style="26" customWidth="1"/>
    <col min="12805" max="12806" width="13.125" style="26" bestFit="1" customWidth="1"/>
    <col min="12807" max="12807" width="9" style="26" hidden="1" customWidth="1"/>
    <col min="12808" max="13056" width="9" style="26" customWidth="1"/>
    <col min="13057" max="13057" width="4.25" style="26" customWidth="1"/>
    <col min="13058" max="13058" width="36.875" style="26" bestFit="1" customWidth="1"/>
    <col min="13059" max="13059" width="9.75" style="26" customWidth="1"/>
    <col min="13060" max="13060" width="29.375" style="26" customWidth="1"/>
    <col min="13061" max="13062" width="13.125" style="26" bestFit="1" customWidth="1"/>
    <col min="13063" max="13063" width="9" style="26" hidden="1" customWidth="1"/>
    <col min="13064" max="13312" width="9" style="26" customWidth="1"/>
    <col min="13313" max="13313" width="4.25" style="26" customWidth="1"/>
    <col min="13314" max="13314" width="36.875" style="26" bestFit="1" customWidth="1"/>
    <col min="13315" max="13315" width="9.75" style="26" customWidth="1"/>
    <col min="13316" max="13316" width="29.375" style="26" customWidth="1"/>
    <col min="13317" max="13318" width="13.125" style="26" bestFit="1" customWidth="1"/>
    <col min="13319" max="13319" width="9" style="26" hidden="1" customWidth="1"/>
    <col min="13320" max="13568" width="9" style="26" customWidth="1"/>
    <col min="13569" max="13569" width="4.25" style="26" customWidth="1"/>
    <col min="13570" max="13570" width="36.875" style="26" bestFit="1" customWidth="1"/>
    <col min="13571" max="13571" width="9.75" style="26" customWidth="1"/>
    <col min="13572" max="13572" width="29.375" style="26" customWidth="1"/>
    <col min="13573" max="13574" width="13.125" style="26" bestFit="1" customWidth="1"/>
    <col min="13575" max="13575" width="9" style="26" hidden="1" customWidth="1"/>
    <col min="13576" max="13824" width="9" style="26" customWidth="1"/>
    <col min="13825" max="13825" width="4.25" style="26" customWidth="1"/>
    <col min="13826" max="13826" width="36.875" style="26" bestFit="1" customWidth="1"/>
    <col min="13827" max="13827" width="9.75" style="26" customWidth="1"/>
    <col min="13828" max="13828" width="29.375" style="26" customWidth="1"/>
    <col min="13829" max="13830" width="13.125" style="26" bestFit="1" customWidth="1"/>
    <col min="13831" max="13831" width="9" style="26" hidden="1" customWidth="1"/>
    <col min="13832" max="14080" width="9" style="26" customWidth="1"/>
    <col min="14081" max="14081" width="4.25" style="26" customWidth="1"/>
    <col min="14082" max="14082" width="36.875" style="26" bestFit="1" customWidth="1"/>
    <col min="14083" max="14083" width="9.75" style="26" customWidth="1"/>
    <col min="14084" max="14084" width="29.375" style="26" customWidth="1"/>
    <col min="14085" max="14086" width="13.125" style="26" bestFit="1" customWidth="1"/>
    <col min="14087" max="14087" width="9" style="26" hidden="1" customWidth="1"/>
    <col min="14088" max="14336" width="9" style="26" customWidth="1"/>
    <col min="14337" max="14337" width="4.25" style="26" customWidth="1"/>
    <col min="14338" max="14338" width="36.875" style="26" bestFit="1" customWidth="1"/>
    <col min="14339" max="14339" width="9.75" style="26" customWidth="1"/>
    <col min="14340" max="14340" width="29.375" style="26" customWidth="1"/>
    <col min="14341" max="14342" width="13.125" style="26" bestFit="1" customWidth="1"/>
    <col min="14343" max="14343" width="9" style="26" hidden="1" customWidth="1"/>
    <col min="14344" max="14592" width="9" style="26" customWidth="1"/>
    <col min="14593" max="14593" width="4.25" style="26" customWidth="1"/>
    <col min="14594" max="14594" width="36.875" style="26" bestFit="1" customWidth="1"/>
    <col min="14595" max="14595" width="9.75" style="26" customWidth="1"/>
    <col min="14596" max="14596" width="29.375" style="26" customWidth="1"/>
    <col min="14597" max="14598" width="13.125" style="26" bestFit="1" customWidth="1"/>
    <col min="14599" max="14599" width="9" style="26" hidden="1" customWidth="1"/>
    <col min="14600" max="14848" width="9" style="26" customWidth="1"/>
    <col min="14849" max="14849" width="4.25" style="26" customWidth="1"/>
    <col min="14850" max="14850" width="36.875" style="26" bestFit="1" customWidth="1"/>
    <col min="14851" max="14851" width="9.75" style="26" customWidth="1"/>
    <col min="14852" max="14852" width="29.375" style="26" customWidth="1"/>
    <col min="14853" max="14854" width="13.125" style="26" bestFit="1" customWidth="1"/>
    <col min="14855" max="14855" width="9" style="26" hidden="1" customWidth="1"/>
    <col min="14856" max="15104" width="9" style="26" customWidth="1"/>
    <col min="15105" max="15105" width="4.25" style="26" customWidth="1"/>
    <col min="15106" max="15106" width="36.875" style="26" bestFit="1" customWidth="1"/>
    <col min="15107" max="15107" width="9.75" style="26" customWidth="1"/>
    <col min="15108" max="15108" width="29.375" style="26" customWidth="1"/>
    <col min="15109" max="15110" width="13.125" style="26" bestFit="1" customWidth="1"/>
    <col min="15111" max="15111" width="9" style="26" hidden="1" customWidth="1"/>
    <col min="15112" max="15360" width="9" style="26" customWidth="1"/>
    <col min="15361" max="15361" width="4.25" style="26" customWidth="1"/>
    <col min="15362" max="15362" width="36.875" style="26" bestFit="1" customWidth="1"/>
    <col min="15363" max="15363" width="9.75" style="26" customWidth="1"/>
    <col min="15364" max="15364" width="29.375" style="26" customWidth="1"/>
    <col min="15365" max="15366" width="13.125" style="26" bestFit="1" customWidth="1"/>
    <col min="15367" max="15367" width="9" style="26" hidden="1" customWidth="1"/>
    <col min="15368" max="15616" width="9" style="26" customWidth="1"/>
    <col min="15617" max="15617" width="4.25" style="26" customWidth="1"/>
    <col min="15618" max="15618" width="36.875" style="26" bestFit="1" customWidth="1"/>
    <col min="15619" max="15619" width="9.75" style="26" customWidth="1"/>
    <col min="15620" max="15620" width="29.375" style="26" customWidth="1"/>
    <col min="15621" max="15622" width="13.125" style="26" bestFit="1" customWidth="1"/>
    <col min="15623" max="15623" width="9" style="26" hidden="1" customWidth="1"/>
    <col min="15624" max="15872" width="9" style="26" customWidth="1"/>
    <col min="15873" max="15873" width="4.25" style="26" customWidth="1"/>
    <col min="15874" max="15874" width="36.875" style="26" bestFit="1" customWidth="1"/>
    <col min="15875" max="15875" width="9.75" style="26" customWidth="1"/>
    <col min="15876" max="15876" width="29.375" style="26" customWidth="1"/>
    <col min="15877" max="15878" width="13.125" style="26" bestFit="1" customWidth="1"/>
    <col min="15879" max="15879" width="9" style="26" hidden="1" customWidth="1"/>
    <col min="15880" max="16128" width="9" style="26" customWidth="1"/>
    <col min="16129" max="16129" width="4.25" style="26" customWidth="1"/>
    <col min="16130" max="16130" width="36.875" style="26" bestFit="1" customWidth="1"/>
    <col min="16131" max="16131" width="9.75" style="26" customWidth="1"/>
    <col min="16132" max="16132" width="29.375" style="26" customWidth="1"/>
    <col min="16133" max="16134" width="13.125" style="26" bestFit="1" customWidth="1"/>
    <col min="16135" max="16135" width="9" style="26" hidden="1" customWidth="1"/>
    <col min="16136" max="16384" width="9" style="26" customWidth="1"/>
  </cols>
  <sheetData>
    <row r="1" spans="1:7" s="27" customFormat="1" ht="37.5" customHeight="1" x14ac:dyDescent="0.15">
      <c r="A1" s="8"/>
      <c r="B1" s="10" t="s">
        <v>75</v>
      </c>
      <c r="C1" s="10" t="s">
        <v>58</v>
      </c>
      <c r="D1" s="10" t="s">
        <v>90</v>
      </c>
      <c r="E1" s="10" t="s">
        <v>141</v>
      </c>
      <c r="F1" s="10" t="s">
        <v>91</v>
      </c>
      <c r="G1" s="32" t="s">
        <v>93</v>
      </c>
    </row>
    <row r="2" spans="1:7" ht="26.25" customHeight="1" x14ac:dyDescent="0.15">
      <c r="A2" s="9">
        <v>1</v>
      </c>
      <c r="B2" s="11" t="s">
        <v>83</v>
      </c>
      <c r="C2" s="14" t="s">
        <v>98</v>
      </c>
      <c r="D2" s="11" t="s">
        <v>375</v>
      </c>
      <c r="E2" s="30">
        <v>50</v>
      </c>
      <c r="F2" s="14" t="s">
        <v>147</v>
      </c>
      <c r="G2" s="33" t="s">
        <v>809</v>
      </c>
    </row>
    <row r="3" spans="1:7" ht="26.25" customHeight="1" x14ac:dyDescent="0.15">
      <c r="A3" s="9">
        <v>2</v>
      </c>
      <c r="B3" s="11" t="s">
        <v>129</v>
      </c>
      <c r="C3" s="14" t="s">
        <v>228</v>
      </c>
      <c r="D3" s="11" t="s">
        <v>718</v>
      </c>
      <c r="E3" s="14">
        <v>100</v>
      </c>
      <c r="F3" s="14" t="s">
        <v>435</v>
      </c>
      <c r="G3" s="33" t="s">
        <v>245</v>
      </c>
    </row>
    <row r="4" spans="1:7" ht="26.25" customHeight="1" x14ac:dyDescent="0.15">
      <c r="A4" s="9">
        <v>3</v>
      </c>
      <c r="B4" s="11" t="s">
        <v>420</v>
      </c>
      <c r="C4" s="14" t="s">
        <v>231</v>
      </c>
      <c r="D4" s="11" t="s">
        <v>716</v>
      </c>
      <c r="E4" s="14">
        <v>52</v>
      </c>
      <c r="F4" s="14" t="s">
        <v>135</v>
      </c>
      <c r="G4" s="33" t="s">
        <v>144</v>
      </c>
    </row>
    <row r="5" spans="1:7" ht="26.25" customHeight="1" x14ac:dyDescent="0.15">
      <c r="A5" s="9">
        <v>4</v>
      </c>
      <c r="B5" s="11" t="s">
        <v>232</v>
      </c>
      <c r="C5" s="14" t="s">
        <v>235</v>
      </c>
      <c r="D5" s="11" t="s">
        <v>719</v>
      </c>
      <c r="E5" s="31">
        <v>50</v>
      </c>
      <c r="F5" s="31" t="s">
        <v>594</v>
      </c>
      <c r="G5" s="33" t="s">
        <v>724</v>
      </c>
    </row>
    <row r="6" spans="1:7" ht="26.25" customHeight="1" x14ac:dyDescent="0.15">
      <c r="A6" s="9">
        <v>5</v>
      </c>
      <c r="B6" s="11" t="s">
        <v>39</v>
      </c>
      <c r="C6" s="14" t="s">
        <v>239</v>
      </c>
      <c r="D6" s="11" t="s">
        <v>717</v>
      </c>
      <c r="E6" s="31">
        <v>80</v>
      </c>
      <c r="F6" s="31" t="s">
        <v>57</v>
      </c>
      <c r="G6" s="33" t="s">
        <v>136</v>
      </c>
    </row>
    <row r="7" spans="1:7" ht="26.25" customHeight="1" x14ac:dyDescent="0.15">
      <c r="A7" s="9">
        <v>6</v>
      </c>
      <c r="B7" s="11" t="s">
        <v>47</v>
      </c>
      <c r="C7" s="14" t="s">
        <v>236</v>
      </c>
      <c r="D7" s="11" t="s">
        <v>623</v>
      </c>
      <c r="E7" s="31">
        <v>69</v>
      </c>
      <c r="F7" s="31" t="s">
        <v>66</v>
      </c>
      <c r="G7" s="33" t="s">
        <v>72</v>
      </c>
    </row>
    <row r="8" spans="1:7" ht="26.25" customHeight="1" x14ac:dyDescent="0.15">
      <c r="A8" s="9">
        <v>7</v>
      </c>
      <c r="B8" s="11" t="s">
        <v>33</v>
      </c>
      <c r="C8" s="14" t="s">
        <v>241</v>
      </c>
      <c r="D8" s="11" t="s">
        <v>720</v>
      </c>
      <c r="E8" s="14">
        <v>50</v>
      </c>
      <c r="F8" s="14" t="s">
        <v>143</v>
      </c>
      <c r="G8" s="33" t="s">
        <v>145</v>
      </c>
    </row>
    <row r="9" spans="1:7" ht="26.25" customHeight="1" x14ac:dyDescent="0.15">
      <c r="A9" s="9">
        <v>8</v>
      </c>
      <c r="B9" s="11" t="s">
        <v>590</v>
      </c>
      <c r="C9" s="14" t="s">
        <v>85</v>
      </c>
      <c r="D9" s="11" t="s">
        <v>597</v>
      </c>
      <c r="E9" s="14">
        <v>60</v>
      </c>
      <c r="F9" s="14" t="s">
        <v>760</v>
      </c>
      <c r="G9" s="33" t="s">
        <v>759</v>
      </c>
    </row>
    <row r="10" spans="1:7" ht="26.25" customHeight="1" x14ac:dyDescent="0.15">
      <c r="A10" s="9">
        <v>9</v>
      </c>
      <c r="B10" s="11" t="s">
        <v>81</v>
      </c>
      <c r="C10" s="14" t="s">
        <v>242</v>
      </c>
      <c r="D10" s="11" t="s">
        <v>137</v>
      </c>
      <c r="E10" s="14">
        <v>60</v>
      </c>
      <c r="F10" s="14" t="s">
        <v>723</v>
      </c>
      <c r="G10" s="33" t="s">
        <v>140</v>
      </c>
    </row>
  </sheetData>
  <autoFilter ref="A1:WVO1" xr:uid="{00000000-0001-0000-0400-000000000000}"/>
  <phoneticPr fontId="6"/>
  <pageMargins left="0.7" right="0.7" top="0.75" bottom="0.75" header="0.3" footer="0.3"/>
  <pageSetup paperSize="9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5"/>
  </sheetPr>
  <dimension ref="A1:H74"/>
  <sheetViews>
    <sheetView view="pageBreakPreview" zoomScale="90" zoomScaleNormal="90" zoomScaleSheetLayoutView="90" workbookViewId="0">
      <pane ySplit="1" topLeftCell="A2" activePane="bottomLeft" state="frozen"/>
      <selection pane="bottomLeft" activeCell="G74" sqref="G74"/>
    </sheetView>
  </sheetViews>
  <sheetFormatPr defaultColWidth="5.875" defaultRowHeight="12" x14ac:dyDescent="0.15"/>
  <cols>
    <col min="1" max="1" width="6.625" style="34" customWidth="1"/>
    <col min="2" max="2" width="40.875" style="34" customWidth="1"/>
    <col min="3" max="3" width="32.5" style="35" customWidth="1"/>
    <col min="4" max="4" width="14.625" style="36" customWidth="1"/>
    <col min="5" max="5" width="7.625" style="37" customWidth="1"/>
    <col min="6" max="6" width="30.5" style="35" customWidth="1"/>
    <col min="7" max="7" width="14.75" style="38" customWidth="1"/>
    <col min="8" max="8" width="14.625" style="38" customWidth="1"/>
    <col min="9" max="16384" width="5.875" style="34"/>
  </cols>
  <sheetData>
    <row r="1" spans="1:8" s="39" customFormat="1" ht="49.5" customHeight="1" x14ac:dyDescent="0.15">
      <c r="A1" s="45"/>
      <c r="B1" s="45" t="s">
        <v>105</v>
      </c>
      <c r="C1" s="51" t="s">
        <v>271</v>
      </c>
      <c r="D1" s="56" t="s">
        <v>655</v>
      </c>
      <c r="E1" s="45" t="s">
        <v>128</v>
      </c>
      <c r="F1" s="51" t="s">
        <v>360</v>
      </c>
      <c r="G1" s="63" t="s">
        <v>91</v>
      </c>
      <c r="H1" s="63" t="s">
        <v>93</v>
      </c>
    </row>
    <row r="2" spans="1:8" s="40" customFormat="1" ht="26.1" customHeight="1" x14ac:dyDescent="0.15">
      <c r="A2" s="46">
        <v>1</v>
      </c>
      <c r="B2" s="47" t="s">
        <v>536</v>
      </c>
      <c r="C2" s="52" t="s">
        <v>64</v>
      </c>
      <c r="D2" s="57">
        <v>38250</v>
      </c>
      <c r="E2" s="60">
        <v>34</v>
      </c>
      <c r="F2" s="53" t="s">
        <v>288</v>
      </c>
      <c r="G2" s="64" t="s">
        <v>471</v>
      </c>
      <c r="H2" s="13" t="s">
        <v>656</v>
      </c>
    </row>
    <row r="3" spans="1:8" s="40" customFormat="1" ht="26.1" customHeight="1" x14ac:dyDescent="0.15">
      <c r="A3" s="46">
        <v>2</v>
      </c>
      <c r="B3" s="47" t="s">
        <v>657</v>
      </c>
      <c r="C3" s="52" t="s">
        <v>292</v>
      </c>
      <c r="D3" s="57">
        <v>38331</v>
      </c>
      <c r="E3" s="60">
        <v>22</v>
      </c>
      <c r="F3" s="53" t="s">
        <v>371</v>
      </c>
      <c r="G3" s="64" t="s">
        <v>658</v>
      </c>
      <c r="H3" s="13" t="s">
        <v>35</v>
      </c>
    </row>
    <row r="4" spans="1:8" s="41" customFormat="1" ht="26.1" customHeight="1" x14ac:dyDescent="0.15">
      <c r="A4" s="46">
        <v>3</v>
      </c>
      <c r="B4" s="47" t="s">
        <v>537</v>
      </c>
      <c r="C4" s="52" t="s">
        <v>313</v>
      </c>
      <c r="D4" s="57">
        <v>38565</v>
      </c>
      <c r="E4" s="60">
        <v>10</v>
      </c>
      <c r="F4" s="53" t="s">
        <v>573</v>
      </c>
      <c r="G4" s="64" t="s">
        <v>130</v>
      </c>
      <c r="H4" s="13" t="s">
        <v>659</v>
      </c>
    </row>
    <row r="5" spans="1:8" s="40" customFormat="1" ht="26.1" customHeight="1" x14ac:dyDescent="0.15">
      <c r="A5" s="46">
        <v>4</v>
      </c>
      <c r="B5" s="47" t="s">
        <v>538</v>
      </c>
      <c r="C5" s="52" t="s">
        <v>94</v>
      </c>
      <c r="D5" s="58">
        <v>38929</v>
      </c>
      <c r="E5" s="61">
        <v>157</v>
      </c>
      <c r="F5" s="53" t="s">
        <v>181</v>
      </c>
      <c r="G5" s="64" t="s">
        <v>660</v>
      </c>
      <c r="H5" s="13" t="s">
        <v>483</v>
      </c>
    </row>
    <row r="6" spans="1:8" s="41" customFormat="1" ht="26.1" customHeight="1" x14ac:dyDescent="0.15">
      <c r="A6" s="46">
        <v>5</v>
      </c>
      <c r="B6" s="47" t="s">
        <v>509</v>
      </c>
      <c r="C6" s="52" t="s">
        <v>315</v>
      </c>
      <c r="D6" s="58">
        <v>38930</v>
      </c>
      <c r="E6" s="61">
        <v>71</v>
      </c>
      <c r="F6" s="53" t="s">
        <v>574</v>
      </c>
      <c r="G6" s="64" t="s">
        <v>540</v>
      </c>
      <c r="H6" s="13" t="s">
        <v>541</v>
      </c>
    </row>
    <row r="7" spans="1:8" s="41" customFormat="1" ht="26.1" customHeight="1" x14ac:dyDescent="0.15">
      <c r="A7" s="46">
        <v>6</v>
      </c>
      <c r="B7" s="47" t="s">
        <v>1</v>
      </c>
      <c r="C7" s="52" t="s">
        <v>172</v>
      </c>
      <c r="D7" s="57">
        <v>39173</v>
      </c>
      <c r="E7" s="61">
        <v>23</v>
      </c>
      <c r="F7" s="53" t="s">
        <v>575</v>
      </c>
      <c r="G7" s="64" t="s">
        <v>265</v>
      </c>
      <c r="H7" s="13" t="s">
        <v>593</v>
      </c>
    </row>
    <row r="8" spans="1:8" s="41" customFormat="1" ht="26.1" customHeight="1" x14ac:dyDescent="0.15">
      <c r="A8" s="46">
        <v>7</v>
      </c>
      <c r="B8" s="47" t="s">
        <v>328</v>
      </c>
      <c r="C8" s="52" t="s">
        <v>316</v>
      </c>
      <c r="D8" s="58">
        <v>39345</v>
      </c>
      <c r="E8" s="60">
        <v>35</v>
      </c>
      <c r="F8" s="53" t="s">
        <v>577</v>
      </c>
      <c r="G8" s="64" t="s">
        <v>543</v>
      </c>
      <c r="H8" s="13" t="s">
        <v>216</v>
      </c>
    </row>
    <row r="9" spans="1:8" s="41" customFormat="1" ht="26.1" customHeight="1" x14ac:dyDescent="0.15">
      <c r="A9" s="46">
        <v>8</v>
      </c>
      <c r="B9" s="47" t="s">
        <v>207</v>
      </c>
      <c r="C9" s="52" t="s">
        <v>142</v>
      </c>
      <c r="D9" s="57">
        <v>39539</v>
      </c>
      <c r="E9" s="61">
        <v>20</v>
      </c>
      <c r="F9" s="53" t="s">
        <v>274</v>
      </c>
      <c r="G9" s="64" t="s">
        <v>406</v>
      </c>
      <c r="H9" s="13" t="s">
        <v>544</v>
      </c>
    </row>
    <row r="10" spans="1:8" s="41" customFormat="1" ht="26.1" customHeight="1" x14ac:dyDescent="0.15">
      <c r="A10" s="46">
        <v>9</v>
      </c>
      <c r="B10" s="47" t="s">
        <v>319</v>
      </c>
      <c r="C10" s="52" t="s">
        <v>212</v>
      </c>
      <c r="D10" s="57">
        <v>39630</v>
      </c>
      <c r="E10" s="61">
        <v>8</v>
      </c>
      <c r="F10" s="53" t="s">
        <v>289</v>
      </c>
      <c r="G10" s="64" t="s">
        <v>41</v>
      </c>
      <c r="H10" s="13" t="s">
        <v>41</v>
      </c>
    </row>
    <row r="11" spans="1:8" s="41" customFormat="1" ht="26.1" customHeight="1" x14ac:dyDescent="0.15">
      <c r="A11" s="46">
        <v>10</v>
      </c>
      <c r="B11" s="47" t="s">
        <v>250</v>
      </c>
      <c r="C11" s="52" t="s">
        <v>318</v>
      </c>
      <c r="D11" s="58">
        <v>39814</v>
      </c>
      <c r="E11" s="60">
        <v>22</v>
      </c>
      <c r="F11" s="53" t="s">
        <v>294</v>
      </c>
      <c r="G11" s="64" t="s">
        <v>36</v>
      </c>
      <c r="H11" s="13" t="s">
        <v>36</v>
      </c>
    </row>
    <row r="12" spans="1:8" s="41" customFormat="1" ht="26.1" customHeight="1" x14ac:dyDescent="0.15">
      <c r="A12" s="46">
        <v>11</v>
      </c>
      <c r="B12" s="47" t="s">
        <v>727</v>
      </c>
      <c r="C12" s="52" t="s">
        <v>155</v>
      </c>
      <c r="D12" s="57">
        <v>39904</v>
      </c>
      <c r="E12" s="61">
        <v>22</v>
      </c>
      <c r="F12" s="53" t="s">
        <v>575</v>
      </c>
      <c r="G12" s="64" t="s">
        <v>661</v>
      </c>
      <c r="H12" s="13" t="s">
        <v>546</v>
      </c>
    </row>
    <row r="13" spans="1:8" s="40" customFormat="1" ht="26.1" customHeight="1" x14ac:dyDescent="0.15">
      <c r="A13" s="46">
        <v>12</v>
      </c>
      <c r="B13" s="47" t="s">
        <v>465</v>
      </c>
      <c r="C13" s="52" t="s">
        <v>323</v>
      </c>
      <c r="D13" s="58">
        <v>40469</v>
      </c>
      <c r="E13" s="60">
        <v>28</v>
      </c>
      <c r="F13" s="53" t="s">
        <v>371</v>
      </c>
      <c r="G13" s="64" t="s">
        <v>663</v>
      </c>
      <c r="H13" s="13" t="s">
        <v>665</v>
      </c>
    </row>
    <row r="14" spans="1:8" s="41" customFormat="1" ht="26.1" customHeight="1" x14ac:dyDescent="0.15">
      <c r="A14" s="46">
        <v>13</v>
      </c>
      <c r="B14" s="47" t="s">
        <v>307</v>
      </c>
      <c r="C14" s="52" t="s">
        <v>155</v>
      </c>
      <c r="D14" s="57">
        <v>40513</v>
      </c>
      <c r="E14" s="61">
        <v>21</v>
      </c>
      <c r="F14" s="53" t="s">
        <v>575</v>
      </c>
      <c r="G14" s="64" t="s">
        <v>523</v>
      </c>
      <c r="H14" s="13" t="s">
        <v>546</v>
      </c>
    </row>
    <row r="15" spans="1:8" s="40" customFormat="1" ht="26.1" customHeight="1" x14ac:dyDescent="0.15">
      <c r="A15" s="46">
        <v>14</v>
      </c>
      <c r="B15" s="47" t="s">
        <v>547</v>
      </c>
      <c r="C15" s="52" t="s">
        <v>107</v>
      </c>
      <c r="D15" s="58">
        <v>40737</v>
      </c>
      <c r="E15" s="61">
        <v>19</v>
      </c>
      <c r="F15" s="53" t="s">
        <v>295</v>
      </c>
      <c r="G15" s="64" t="s">
        <v>601</v>
      </c>
      <c r="H15" s="13" t="s">
        <v>650</v>
      </c>
    </row>
    <row r="16" spans="1:8" s="41" customFormat="1" ht="26.1" customHeight="1" x14ac:dyDescent="0.15">
      <c r="A16" s="46">
        <v>15</v>
      </c>
      <c r="B16" s="47" t="s">
        <v>549</v>
      </c>
      <c r="C16" s="52" t="s">
        <v>324</v>
      </c>
      <c r="D16" s="58">
        <v>40926</v>
      </c>
      <c r="E16" s="61">
        <v>21</v>
      </c>
      <c r="F16" s="53" t="s">
        <v>163</v>
      </c>
      <c r="G16" s="64" t="s">
        <v>550</v>
      </c>
      <c r="H16" s="13" t="s">
        <v>667</v>
      </c>
    </row>
    <row r="17" spans="1:8" s="41" customFormat="1" ht="26.1" customHeight="1" x14ac:dyDescent="0.15">
      <c r="A17" s="46">
        <v>16</v>
      </c>
      <c r="B17" s="47" t="s">
        <v>383</v>
      </c>
      <c r="C17" s="52" t="s">
        <v>325</v>
      </c>
      <c r="D17" s="57">
        <v>41306</v>
      </c>
      <c r="E17" s="61">
        <v>34</v>
      </c>
      <c r="F17" s="53" t="s">
        <v>578</v>
      </c>
      <c r="G17" s="64" t="s">
        <v>122</v>
      </c>
      <c r="H17" s="13" t="s">
        <v>551</v>
      </c>
    </row>
    <row r="18" spans="1:8" s="41" customFormat="1" ht="26.1" customHeight="1" x14ac:dyDescent="0.15">
      <c r="A18" s="46">
        <v>17</v>
      </c>
      <c r="B18" s="47" t="s">
        <v>480</v>
      </c>
      <c r="C18" s="52" t="s">
        <v>327</v>
      </c>
      <c r="D18" s="57">
        <v>41365</v>
      </c>
      <c r="E18" s="60">
        <v>15</v>
      </c>
      <c r="F18" s="53" t="s">
        <v>163</v>
      </c>
      <c r="G18" s="64" t="s">
        <v>462</v>
      </c>
      <c r="H18" s="13" t="s">
        <v>668</v>
      </c>
    </row>
    <row r="19" spans="1:8" s="41" customFormat="1" ht="26.1" customHeight="1" x14ac:dyDescent="0.15">
      <c r="A19" s="46">
        <v>18</v>
      </c>
      <c r="B19" s="47" t="s">
        <v>419</v>
      </c>
      <c r="C19" s="52" t="s">
        <v>149</v>
      </c>
      <c r="D19" s="57">
        <v>41883</v>
      </c>
      <c r="E19" s="61">
        <v>11</v>
      </c>
      <c r="F19" s="53" t="s">
        <v>296</v>
      </c>
      <c r="G19" s="64" t="s">
        <v>670</v>
      </c>
      <c r="H19" s="13" t="s">
        <v>576</v>
      </c>
    </row>
    <row r="20" spans="1:8" s="41" customFormat="1" ht="26.1" customHeight="1" x14ac:dyDescent="0.15">
      <c r="A20" s="46">
        <v>19</v>
      </c>
      <c r="B20" s="47" t="s">
        <v>379</v>
      </c>
      <c r="C20" s="52" t="s">
        <v>329</v>
      </c>
      <c r="D20" s="57">
        <v>41890</v>
      </c>
      <c r="E20" s="61">
        <v>32</v>
      </c>
      <c r="F20" s="53" t="s">
        <v>579</v>
      </c>
      <c r="G20" s="64" t="s">
        <v>671</v>
      </c>
      <c r="H20" s="13" t="s">
        <v>672</v>
      </c>
    </row>
    <row r="21" spans="1:8" s="41" customFormat="1" ht="26.1" customHeight="1" x14ac:dyDescent="0.15">
      <c r="A21" s="46">
        <v>20</v>
      </c>
      <c r="B21" s="47" t="s">
        <v>673</v>
      </c>
      <c r="C21" s="52" t="s">
        <v>330</v>
      </c>
      <c r="D21" s="57">
        <v>41895</v>
      </c>
      <c r="E21" s="61">
        <v>12</v>
      </c>
      <c r="F21" s="53" t="s">
        <v>299</v>
      </c>
      <c r="G21" s="64" t="s">
        <v>674</v>
      </c>
      <c r="H21" s="13" t="s">
        <v>111</v>
      </c>
    </row>
    <row r="22" spans="1:8" s="41" customFormat="1" ht="26.1" customHeight="1" x14ac:dyDescent="0.15">
      <c r="A22" s="46">
        <v>21</v>
      </c>
      <c r="B22" s="47" t="s">
        <v>552</v>
      </c>
      <c r="C22" s="52" t="s">
        <v>273</v>
      </c>
      <c r="D22" s="57">
        <v>42017</v>
      </c>
      <c r="E22" s="61">
        <v>9</v>
      </c>
      <c r="F22" s="53" t="s">
        <v>152</v>
      </c>
      <c r="G22" s="64" t="s">
        <v>675</v>
      </c>
      <c r="H22" s="13" t="s">
        <v>437</v>
      </c>
    </row>
    <row r="23" spans="1:8" s="41" customFormat="1" ht="26.1" customHeight="1" x14ac:dyDescent="0.15">
      <c r="A23" s="46">
        <v>22</v>
      </c>
      <c r="B23" s="47" t="s">
        <v>166</v>
      </c>
      <c r="C23" s="52" t="s">
        <v>331</v>
      </c>
      <c r="D23" s="57">
        <v>42050</v>
      </c>
      <c r="E23" s="61">
        <v>45</v>
      </c>
      <c r="F23" s="53" t="s">
        <v>581</v>
      </c>
      <c r="G23" s="64" t="s">
        <v>676</v>
      </c>
      <c r="H23" s="13" t="s">
        <v>374</v>
      </c>
    </row>
    <row r="24" spans="1:8" s="41" customFormat="1" ht="26.1" customHeight="1" x14ac:dyDescent="0.15">
      <c r="A24" s="46">
        <v>23</v>
      </c>
      <c r="B24" s="47" t="s">
        <v>132</v>
      </c>
      <c r="C24" s="52" t="s">
        <v>9</v>
      </c>
      <c r="D24" s="57">
        <v>42163</v>
      </c>
      <c r="E24" s="61">
        <v>32</v>
      </c>
      <c r="F24" s="53" t="s">
        <v>579</v>
      </c>
      <c r="G24" s="64" t="s">
        <v>677</v>
      </c>
      <c r="H24" s="13" t="s">
        <v>635</v>
      </c>
    </row>
    <row r="25" spans="1:8" s="41" customFormat="1" ht="26.1" customHeight="1" x14ac:dyDescent="0.15">
      <c r="A25" s="46">
        <v>24</v>
      </c>
      <c r="B25" s="47" t="s">
        <v>412</v>
      </c>
      <c r="C25" s="52" t="s">
        <v>332</v>
      </c>
      <c r="D25" s="57">
        <v>42309</v>
      </c>
      <c r="E25" s="61">
        <v>20</v>
      </c>
      <c r="F25" s="53" t="s">
        <v>25</v>
      </c>
      <c r="G25" s="64" t="s">
        <v>492</v>
      </c>
      <c r="H25" s="13" t="s">
        <v>678</v>
      </c>
    </row>
    <row r="26" spans="1:8" s="41" customFormat="1" ht="26.1" customHeight="1" x14ac:dyDescent="0.15">
      <c r="A26" s="46">
        <v>25</v>
      </c>
      <c r="B26" s="47" t="s">
        <v>553</v>
      </c>
      <c r="C26" s="52" t="s">
        <v>208</v>
      </c>
      <c r="D26" s="57">
        <v>42346</v>
      </c>
      <c r="E26" s="61">
        <v>34</v>
      </c>
      <c r="F26" s="53" t="s">
        <v>581</v>
      </c>
      <c r="G26" s="64" t="s">
        <v>680</v>
      </c>
      <c r="H26" s="13" t="s">
        <v>681</v>
      </c>
    </row>
    <row r="27" spans="1:8" s="41" customFormat="1" ht="26.1" customHeight="1" x14ac:dyDescent="0.15">
      <c r="A27" s="46">
        <v>26</v>
      </c>
      <c r="B27" s="47" t="s">
        <v>555</v>
      </c>
      <c r="C27" s="52" t="s">
        <v>108</v>
      </c>
      <c r="D27" s="57">
        <v>42491</v>
      </c>
      <c r="E27" s="61">
        <v>20</v>
      </c>
      <c r="F27" s="53" t="s">
        <v>301</v>
      </c>
      <c r="G27" s="64" t="s">
        <v>164</v>
      </c>
      <c r="H27" s="13" t="s">
        <v>612</v>
      </c>
    </row>
    <row r="28" spans="1:8" s="41" customFormat="1" ht="26.1" customHeight="1" x14ac:dyDescent="0.15">
      <c r="A28" s="46">
        <v>27</v>
      </c>
      <c r="B28" s="47" t="s">
        <v>320</v>
      </c>
      <c r="C28" s="52" t="s">
        <v>277</v>
      </c>
      <c r="D28" s="57">
        <v>42795</v>
      </c>
      <c r="E28" s="61">
        <v>60</v>
      </c>
      <c r="F28" s="53" t="s">
        <v>302</v>
      </c>
      <c r="G28" s="64" t="s">
        <v>158</v>
      </c>
      <c r="H28" s="13" t="s">
        <v>682</v>
      </c>
    </row>
    <row r="29" spans="1:8" s="41" customFormat="1" ht="26.1" customHeight="1" x14ac:dyDescent="0.15">
      <c r="A29" s="46">
        <v>28</v>
      </c>
      <c r="B29" s="47" t="s">
        <v>557</v>
      </c>
      <c r="C29" s="52" t="s">
        <v>209</v>
      </c>
      <c r="D29" s="57">
        <v>42835</v>
      </c>
      <c r="E29" s="60">
        <v>39</v>
      </c>
      <c r="F29" s="53" t="s">
        <v>579</v>
      </c>
      <c r="G29" s="64" t="s">
        <v>683</v>
      </c>
      <c r="H29" s="13" t="s">
        <v>683</v>
      </c>
    </row>
    <row r="30" spans="1:8" s="41" customFormat="1" ht="26.1" customHeight="1" x14ac:dyDescent="0.15">
      <c r="A30" s="46">
        <v>29</v>
      </c>
      <c r="B30" s="47" t="s">
        <v>510</v>
      </c>
      <c r="C30" s="52" t="s">
        <v>334</v>
      </c>
      <c r="D30" s="57">
        <v>42877</v>
      </c>
      <c r="E30" s="60">
        <v>32</v>
      </c>
      <c r="F30" s="53" t="s">
        <v>305</v>
      </c>
      <c r="G30" s="64" t="s">
        <v>628</v>
      </c>
      <c r="H30" s="13" t="s">
        <v>684</v>
      </c>
    </row>
    <row r="31" spans="1:8" s="41" customFormat="1" ht="26.1" customHeight="1" x14ac:dyDescent="0.15">
      <c r="A31" s="46">
        <v>30</v>
      </c>
      <c r="B31" s="47" t="s">
        <v>124</v>
      </c>
      <c r="C31" s="52" t="s">
        <v>335</v>
      </c>
      <c r="D31" s="57">
        <v>42980</v>
      </c>
      <c r="E31" s="60">
        <v>32</v>
      </c>
      <c r="F31" s="53" t="s">
        <v>305</v>
      </c>
      <c r="G31" s="64" t="s">
        <v>628</v>
      </c>
      <c r="H31" s="13" t="s">
        <v>685</v>
      </c>
    </row>
    <row r="32" spans="1:8" s="41" customFormat="1" ht="26.1" customHeight="1" x14ac:dyDescent="0.15">
      <c r="A32" s="46">
        <v>31</v>
      </c>
      <c r="B32" s="47" t="s">
        <v>558</v>
      </c>
      <c r="C32" s="52" t="s">
        <v>178</v>
      </c>
      <c r="D32" s="57">
        <v>43010</v>
      </c>
      <c r="E32" s="60">
        <v>30</v>
      </c>
      <c r="F32" s="53" t="s">
        <v>579</v>
      </c>
      <c r="G32" s="64" t="s">
        <v>473</v>
      </c>
      <c r="H32" s="13" t="s">
        <v>445</v>
      </c>
    </row>
    <row r="33" spans="1:8" s="41" customFormat="1" ht="26.1" customHeight="1" x14ac:dyDescent="0.15">
      <c r="A33" s="46">
        <v>32</v>
      </c>
      <c r="B33" s="47" t="s">
        <v>116</v>
      </c>
      <c r="C33" s="53" t="s">
        <v>193</v>
      </c>
      <c r="D33" s="57">
        <v>43200</v>
      </c>
      <c r="E33" s="60">
        <v>46</v>
      </c>
      <c r="F33" s="53" t="s">
        <v>308</v>
      </c>
      <c r="G33" s="64" t="s">
        <v>167</v>
      </c>
      <c r="H33" s="13" t="s">
        <v>22</v>
      </c>
    </row>
    <row r="34" spans="1:8" s="41" customFormat="1" ht="26.1" customHeight="1" x14ac:dyDescent="0.15">
      <c r="A34" s="46">
        <v>33</v>
      </c>
      <c r="B34" s="48" t="s">
        <v>344</v>
      </c>
      <c r="C34" s="52" t="s">
        <v>322</v>
      </c>
      <c r="D34" s="57">
        <v>43262</v>
      </c>
      <c r="E34" s="60">
        <v>32</v>
      </c>
      <c r="F34" s="52" t="s">
        <v>117</v>
      </c>
      <c r="G34" s="64" t="s">
        <v>686</v>
      </c>
      <c r="H34" s="13" t="s">
        <v>687</v>
      </c>
    </row>
    <row r="35" spans="1:8" s="41" customFormat="1" ht="26.1" customHeight="1" x14ac:dyDescent="0.15">
      <c r="A35" s="46">
        <v>34</v>
      </c>
      <c r="B35" s="47" t="s">
        <v>688</v>
      </c>
      <c r="C35" s="52" t="s">
        <v>337</v>
      </c>
      <c r="D35" s="57">
        <v>43435</v>
      </c>
      <c r="E35" s="60">
        <v>27</v>
      </c>
      <c r="F35" s="53" t="s">
        <v>50</v>
      </c>
      <c r="G35" s="64" t="s">
        <v>285</v>
      </c>
      <c r="H35" s="13" t="s">
        <v>666</v>
      </c>
    </row>
    <row r="36" spans="1:8" s="41" customFormat="1" ht="26.1" customHeight="1" x14ac:dyDescent="0.15">
      <c r="A36" s="46">
        <v>35</v>
      </c>
      <c r="B36" s="47" t="s">
        <v>521</v>
      </c>
      <c r="C36" s="52" t="s">
        <v>214</v>
      </c>
      <c r="D36" s="57">
        <v>43435</v>
      </c>
      <c r="E36" s="61">
        <v>32</v>
      </c>
      <c r="F36" s="53" t="s">
        <v>117</v>
      </c>
      <c r="G36" s="64" t="s">
        <v>490</v>
      </c>
      <c r="H36" s="13" t="s">
        <v>591</v>
      </c>
    </row>
    <row r="37" spans="1:8" s="41" customFormat="1" ht="26.1" customHeight="1" x14ac:dyDescent="0.15">
      <c r="A37" s="46">
        <v>36</v>
      </c>
      <c r="B37" s="47" t="s">
        <v>266</v>
      </c>
      <c r="C37" s="52" t="s">
        <v>339</v>
      </c>
      <c r="D37" s="57">
        <v>43486</v>
      </c>
      <c r="E37" s="60">
        <v>32</v>
      </c>
      <c r="F37" s="53" t="s">
        <v>305</v>
      </c>
      <c r="G37" s="64" t="s">
        <v>628</v>
      </c>
      <c r="H37" s="13" t="s">
        <v>662</v>
      </c>
    </row>
    <row r="38" spans="1:8" s="41" customFormat="1" ht="26.1" customHeight="1" x14ac:dyDescent="0.15">
      <c r="A38" s="46">
        <v>37</v>
      </c>
      <c r="B38" s="49" t="s">
        <v>386</v>
      </c>
      <c r="C38" s="54" t="s">
        <v>217</v>
      </c>
      <c r="D38" s="57">
        <v>43586</v>
      </c>
      <c r="E38" s="61">
        <v>38</v>
      </c>
      <c r="F38" s="52" t="s">
        <v>579</v>
      </c>
      <c r="G38" s="64" t="s">
        <v>689</v>
      </c>
      <c r="H38" s="66" t="s">
        <v>690</v>
      </c>
    </row>
    <row r="39" spans="1:8" s="41" customFormat="1" ht="26.1" customHeight="1" x14ac:dyDescent="0.15">
      <c r="A39" s="46">
        <v>38</v>
      </c>
      <c r="B39" s="47" t="s">
        <v>426</v>
      </c>
      <c r="C39" s="52" t="s">
        <v>139</v>
      </c>
      <c r="D39" s="57">
        <v>43952</v>
      </c>
      <c r="E39" s="60">
        <v>50</v>
      </c>
      <c r="F39" s="53" t="s">
        <v>309</v>
      </c>
      <c r="G39" s="64" t="s">
        <v>691</v>
      </c>
      <c r="H39" s="13" t="s">
        <v>692</v>
      </c>
    </row>
    <row r="40" spans="1:8" s="41" customFormat="1" ht="26.1" customHeight="1" x14ac:dyDescent="0.15">
      <c r="A40" s="46">
        <v>39</v>
      </c>
      <c r="B40" s="50" t="s">
        <v>693</v>
      </c>
      <c r="C40" s="54" t="s">
        <v>340</v>
      </c>
      <c r="D40" s="57">
        <v>43976</v>
      </c>
      <c r="E40" s="61">
        <v>40</v>
      </c>
      <c r="F40" s="55" t="s">
        <v>163</v>
      </c>
      <c r="G40" s="65" t="s">
        <v>520</v>
      </c>
      <c r="H40" s="66" t="s">
        <v>584</v>
      </c>
    </row>
    <row r="41" spans="1:8" s="41" customFormat="1" ht="26.1" customHeight="1" x14ac:dyDescent="0.15">
      <c r="A41" s="46">
        <v>40</v>
      </c>
      <c r="B41" s="50" t="s">
        <v>560</v>
      </c>
      <c r="C41" s="54" t="s">
        <v>218</v>
      </c>
      <c r="D41" s="57">
        <v>43976</v>
      </c>
      <c r="E41" s="61">
        <v>19</v>
      </c>
      <c r="F41" s="55" t="s">
        <v>261</v>
      </c>
      <c r="G41" s="65" t="s">
        <v>234</v>
      </c>
      <c r="H41" s="66" t="s">
        <v>366</v>
      </c>
    </row>
    <row r="42" spans="1:8" s="41" customFormat="1" ht="26.1" customHeight="1" x14ac:dyDescent="0.15">
      <c r="A42" s="46">
        <v>41</v>
      </c>
      <c r="B42" s="50" t="s">
        <v>304</v>
      </c>
      <c r="C42" s="54" t="s">
        <v>151</v>
      </c>
      <c r="D42" s="57">
        <v>44044</v>
      </c>
      <c r="E42" s="61">
        <v>40</v>
      </c>
      <c r="F42" s="55" t="s">
        <v>581</v>
      </c>
      <c r="G42" s="65" t="s">
        <v>633</v>
      </c>
      <c r="H42" s="66" t="s">
        <v>45</v>
      </c>
    </row>
    <row r="43" spans="1:8" s="41" customFormat="1" ht="26.1" customHeight="1" x14ac:dyDescent="0.15">
      <c r="A43" s="46">
        <v>42</v>
      </c>
      <c r="B43" s="47" t="s">
        <v>498</v>
      </c>
      <c r="C43" s="52" t="s">
        <v>221</v>
      </c>
      <c r="D43" s="57">
        <v>44228</v>
      </c>
      <c r="E43" s="60">
        <v>32</v>
      </c>
      <c r="F43" s="53" t="s">
        <v>305</v>
      </c>
      <c r="G43" s="64" t="s">
        <v>628</v>
      </c>
      <c r="H43" s="13" t="s">
        <v>153</v>
      </c>
    </row>
    <row r="44" spans="1:8" s="41" customFormat="1" ht="26.1" customHeight="1" x14ac:dyDescent="0.15">
      <c r="A44" s="46">
        <v>43</v>
      </c>
      <c r="B44" s="49" t="s">
        <v>561</v>
      </c>
      <c r="C44" s="55" t="s">
        <v>222</v>
      </c>
      <c r="D44" s="57">
        <v>44378</v>
      </c>
      <c r="E44" s="61">
        <v>18</v>
      </c>
      <c r="F44" s="52" t="s">
        <v>25</v>
      </c>
      <c r="G44" s="64" t="s">
        <v>199</v>
      </c>
      <c r="H44" s="66" t="s">
        <v>695</v>
      </c>
    </row>
    <row r="45" spans="1:8" s="41" customFormat="1" ht="26.1" customHeight="1" x14ac:dyDescent="0.15">
      <c r="A45" s="46">
        <v>44</v>
      </c>
      <c r="B45" s="47" t="s">
        <v>562</v>
      </c>
      <c r="C45" s="52" t="s">
        <v>225</v>
      </c>
      <c r="D45" s="57">
        <v>44398</v>
      </c>
      <c r="E45" s="60">
        <v>32</v>
      </c>
      <c r="F45" s="53" t="s">
        <v>305</v>
      </c>
      <c r="G45" s="64" t="s">
        <v>628</v>
      </c>
      <c r="H45" s="13" t="s">
        <v>45</v>
      </c>
    </row>
    <row r="46" spans="1:8" s="41" customFormat="1" ht="26.1" customHeight="1" x14ac:dyDescent="0.15">
      <c r="A46" s="46">
        <v>45</v>
      </c>
      <c r="B46" s="47" t="s">
        <v>563</v>
      </c>
      <c r="C46" s="52" t="s">
        <v>226</v>
      </c>
      <c r="D46" s="57">
        <v>44607</v>
      </c>
      <c r="E46" s="60">
        <v>40</v>
      </c>
      <c r="F46" s="53" t="s">
        <v>312</v>
      </c>
      <c r="G46" s="64" t="s">
        <v>556</v>
      </c>
      <c r="H46" s="13" t="s">
        <v>45</v>
      </c>
    </row>
    <row r="47" spans="1:8" s="41" customFormat="1" ht="26.1" customHeight="1" x14ac:dyDescent="0.15">
      <c r="A47" s="46">
        <v>46</v>
      </c>
      <c r="B47" s="47" t="s">
        <v>565</v>
      </c>
      <c r="C47" s="52" t="s">
        <v>343</v>
      </c>
      <c r="D47" s="57">
        <v>44652</v>
      </c>
      <c r="E47" s="60">
        <v>22</v>
      </c>
      <c r="F47" s="53" t="s">
        <v>579</v>
      </c>
      <c r="G47" s="64" t="s">
        <v>264</v>
      </c>
      <c r="H47" s="13" t="s">
        <v>697</v>
      </c>
    </row>
    <row r="48" spans="1:8" s="41" customFormat="1" ht="26.1" customHeight="1" x14ac:dyDescent="0.15">
      <c r="A48" s="46">
        <v>47</v>
      </c>
      <c r="B48" s="47" t="s">
        <v>300</v>
      </c>
      <c r="C48" s="52" t="s">
        <v>714</v>
      </c>
      <c r="D48" s="57">
        <v>44652</v>
      </c>
      <c r="E48" s="60">
        <v>21</v>
      </c>
      <c r="F48" s="53" t="s">
        <v>205</v>
      </c>
      <c r="G48" s="64" t="s">
        <v>410</v>
      </c>
      <c r="H48" s="13" t="s">
        <v>45</v>
      </c>
    </row>
    <row r="49" spans="1:8" s="41" customFormat="1" ht="26.1" customHeight="1" x14ac:dyDescent="0.15">
      <c r="A49" s="46">
        <v>48</v>
      </c>
      <c r="B49" s="47" t="s">
        <v>439</v>
      </c>
      <c r="C49" s="52" t="s">
        <v>698</v>
      </c>
      <c r="D49" s="57">
        <v>44672</v>
      </c>
      <c r="E49" s="60">
        <v>20</v>
      </c>
      <c r="F49" s="53" t="s">
        <v>204</v>
      </c>
      <c r="G49" s="64" t="s">
        <v>311</v>
      </c>
      <c r="H49" s="13" t="s">
        <v>517</v>
      </c>
    </row>
    <row r="50" spans="1:8" s="41" customFormat="1" ht="26.1" customHeight="1" x14ac:dyDescent="0.15">
      <c r="A50" s="46">
        <v>49</v>
      </c>
      <c r="B50" s="47" t="s">
        <v>341</v>
      </c>
      <c r="C50" s="52" t="s">
        <v>345</v>
      </c>
      <c r="D50" s="57">
        <v>44805</v>
      </c>
      <c r="E50" s="60">
        <v>24</v>
      </c>
      <c r="F50" s="53" t="s">
        <v>25</v>
      </c>
      <c r="G50" s="64" t="s">
        <v>700</v>
      </c>
      <c r="H50" s="13" t="s">
        <v>376</v>
      </c>
    </row>
    <row r="51" spans="1:8" s="41" customFormat="1" ht="26.1" customHeight="1" x14ac:dyDescent="0.15">
      <c r="A51" s="46">
        <v>50</v>
      </c>
      <c r="B51" s="47" t="s">
        <v>392</v>
      </c>
      <c r="C51" s="52" t="s">
        <v>566</v>
      </c>
      <c r="D51" s="57">
        <v>44835</v>
      </c>
      <c r="E51" s="60">
        <v>52</v>
      </c>
      <c r="F51" s="53" t="s">
        <v>582</v>
      </c>
      <c r="G51" s="64" t="s">
        <v>701</v>
      </c>
      <c r="H51" s="13" t="s">
        <v>645</v>
      </c>
    </row>
    <row r="52" spans="1:8" s="41" customFormat="1" ht="26.1" customHeight="1" x14ac:dyDescent="0.15">
      <c r="A52" s="46">
        <v>51</v>
      </c>
      <c r="B52" s="47" t="s">
        <v>568</v>
      </c>
      <c r="C52" s="52" t="s">
        <v>171</v>
      </c>
      <c r="D52" s="57">
        <v>44910</v>
      </c>
      <c r="E52" s="60">
        <v>30</v>
      </c>
      <c r="F52" s="53" t="s">
        <v>452</v>
      </c>
      <c r="G52" s="64" t="s">
        <v>539</v>
      </c>
      <c r="H52" s="13" t="s">
        <v>702</v>
      </c>
    </row>
    <row r="53" spans="1:8" s="41" customFormat="1" ht="26.1" customHeight="1" x14ac:dyDescent="0.15">
      <c r="A53" s="46">
        <v>52</v>
      </c>
      <c r="B53" s="47" t="s">
        <v>5</v>
      </c>
      <c r="C53" s="52" t="s">
        <v>447</v>
      </c>
      <c r="D53" s="57">
        <v>44994</v>
      </c>
      <c r="E53" s="60">
        <v>14</v>
      </c>
      <c r="F53" s="53" t="s">
        <v>583</v>
      </c>
      <c r="G53" s="64" t="s">
        <v>703</v>
      </c>
      <c r="H53" s="13" t="s">
        <v>704</v>
      </c>
    </row>
    <row r="54" spans="1:8" s="41" customFormat="1" ht="26.1" customHeight="1" x14ac:dyDescent="0.15">
      <c r="A54" s="46">
        <v>53</v>
      </c>
      <c r="B54" s="47" t="s">
        <v>569</v>
      </c>
      <c r="C54" s="52" t="s">
        <v>732</v>
      </c>
      <c r="D54" s="57">
        <v>45022</v>
      </c>
      <c r="E54" s="60">
        <v>49</v>
      </c>
      <c r="F54" s="53" t="s">
        <v>585</v>
      </c>
      <c r="G54" s="64" t="s">
        <v>461</v>
      </c>
      <c r="H54" s="13" t="s">
        <v>603</v>
      </c>
    </row>
    <row r="55" spans="1:8" s="41" customFormat="1" ht="26.1" customHeight="1" x14ac:dyDescent="0.15">
      <c r="A55" s="46">
        <v>54</v>
      </c>
      <c r="B55" s="47" t="s">
        <v>53</v>
      </c>
      <c r="C55" s="52" t="s">
        <v>13</v>
      </c>
      <c r="D55" s="57">
        <v>45170</v>
      </c>
      <c r="E55" s="60">
        <v>9</v>
      </c>
      <c r="F55" s="53" t="s">
        <v>176</v>
      </c>
      <c r="G55" s="64" t="s">
        <v>705</v>
      </c>
      <c r="H55" s="13" t="s">
        <v>381</v>
      </c>
    </row>
    <row r="56" spans="1:8" s="41" customFormat="1" ht="26.1" customHeight="1" x14ac:dyDescent="0.15">
      <c r="A56" s="46">
        <v>55</v>
      </c>
      <c r="B56" s="47" t="s">
        <v>485</v>
      </c>
      <c r="C56" s="52" t="s">
        <v>733</v>
      </c>
      <c r="D56" s="57">
        <v>45205</v>
      </c>
      <c r="E56" s="60">
        <v>30</v>
      </c>
      <c r="F56" s="53" t="s">
        <v>587</v>
      </c>
      <c r="G56" s="64" t="s">
        <v>696</v>
      </c>
      <c r="H56" s="13" t="s">
        <v>444</v>
      </c>
    </row>
    <row r="57" spans="1:8" s="41" customFormat="1" ht="26.1" customHeight="1" x14ac:dyDescent="0.15">
      <c r="A57" s="46">
        <v>56</v>
      </c>
      <c r="B57" s="47" t="s">
        <v>31</v>
      </c>
      <c r="C57" s="52" t="s">
        <v>220</v>
      </c>
      <c r="D57" s="57">
        <v>45280</v>
      </c>
      <c r="E57" s="60">
        <v>38</v>
      </c>
      <c r="F57" s="53" t="s">
        <v>432</v>
      </c>
      <c r="G57" s="64" t="s">
        <v>706</v>
      </c>
      <c r="H57" s="13" t="s">
        <v>326</v>
      </c>
    </row>
    <row r="58" spans="1:8" s="41" customFormat="1" ht="26.1" customHeight="1" x14ac:dyDescent="0.15">
      <c r="A58" s="46">
        <v>57</v>
      </c>
      <c r="B58" s="47" t="s">
        <v>19</v>
      </c>
      <c r="C58" s="52" t="s">
        <v>570</v>
      </c>
      <c r="D58" s="57" t="s">
        <v>669</v>
      </c>
      <c r="E58" s="60">
        <v>30</v>
      </c>
      <c r="F58" s="53" t="s">
        <v>588</v>
      </c>
      <c r="G58" s="64" t="s">
        <v>56</v>
      </c>
      <c r="H58" s="13" t="s">
        <v>161</v>
      </c>
    </row>
    <row r="59" spans="1:8" s="41" customFormat="1" ht="26.1" customHeight="1" x14ac:dyDescent="0.15">
      <c r="A59" s="46">
        <v>58</v>
      </c>
      <c r="B59" s="47" t="s">
        <v>530</v>
      </c>
      <c r="C59" s="52" t="s">
        <v>571</v>
      </c>
      <c r="D59" s="59">
        <v>45352</v>
      </c>
      <c r="E59" s="60">
        <v>46</v>
      </c>
      <c r="F59" s="53" t="s">
        <v>567</v>
      </c>
      <c r="G59" s="64" t="s">
        <v>351</v>
      </c>
      <c r="H59" s="13" t="s">
        <v>694</v>
      </c>
    </row>
    <row r="60" spans="1:8" s="41" customFormat="1" ht="26.1" customHeight="1" x14ac:dyDescent="0.15">
      <c r="A60" s="46">
        <v>59</v>
      </c>
      <c r="B60" s="47" t="s">
        <v>729</v>
      </c>
      <c r="C60" s="52" t="s">
        <v>258</v>
      </c>
      <c r="D60" s="57">
        <v>45380</v>
      </c>
      <c r="E60" s="60">
        <v>44</v>
      </c>
      <c r="F60" s="53" t="s">
        <v>610</v>
      </c>
      <c r="G60" s="64" t="s">
        <v>715</v>
      </c>
      <c r="H60" s="13" t="s">
        <v>699</v>
      </c>
    </row>
    <row r="61" spans="1:8" s="41" customFormat="1" ht="26.1" customHeight="1" x14ac:dyDescent="0.15">
      <c r="A61" s="46">
        <v>60</v>
      </c>
      <c r="B61" s="47" t="s">
        <v>421</v>
      </c>
      <c r="C61" s="52" t="s">
        <v>469</v>
      </c>
      <c r="D61" s="57">
        <v>45383</v>
      </c>
      <c r="E61" s="60">
        <v>41</v>
      </c>
      <c r="F61" s="53" t="s">
        <v>260</v>
      </c>
      <c r="G61" s="64" t="s">
        <v>48</v>
      </c>
      <c r="H61" s="13" t="s">
        <v>237</v>
      </c>
    </row>
    <row r="62" spans="1:8" s="41" customFormat="1" ht="26.1" customHeight="1" x14ac:dyDescent="0.15">
      <c r="A62" s="46">
        <v>61</v>
      </c>
      <c r="B62" s="47" t="s">
        <v>595</v>
      </c>
      <c r="C62" s="52" t="s">
        <v>734</v>
      </c>
      <c r="D62" s="57" t="s">
        <v>739</v>
      </c>
      <c r="E62" s="60">
        <v>30</v>
      </c>
      <c r="F62" s="53" t="s">
        <v>288</v>
      </c>
      <c r="G62" s="64" t="s">
        <v>741</v>
      </c>
      <c r="H62" s="13" t="s">
        <v>743</v>
      </c>
    </row>
    <row r="63" spans="1:8" s="41" customFormat="1" ht="26.1" customHeight="1" x14ac:dyDescent="0.15">
      <c r="A63" s="46">
        <v>62</v>
      </c>
      <c r="B63" s="47" t="s">
        <v>443</v>
      </c>
      <c r="C63" s="52" t="s">
        <v>28</v>
      </c>
      <c r="D63" s="57" t="s">
        <v>740</v>
      </c>
      <c r="E63" s="60">
        <v>36</v>
      </c>
      <c r="F63" s="53" t="s">
        <v>288</v>
      </c>
      <c r="G63" s="64" t="s">
        <v>56</v>
      </c>
      <c r="H63" s="13" t="s">
        <v>161</v>
      </c>
    </row>
    <row r="64" spans="1:8" s="42" customFormat="1" ht="26.1" customHeight="1" x14ac:dyDescent="0.15">
      <c r="A64" s="46">
        <v>63</v>
      </c>
      <c r="B64" s="47" t="s">
        <v>542</v>
      </c>
      <c r="C64" s="52" t="s">
        <v>416</v>
      </c>
      <c r="D64" s="57" t="s">
        <v>180</v>
      </c>
      <c r="E64" s="60">
        <v>30</v>
      </c>
      <c r="F64" s="53" t="s">
        <v>288</v>
      </c>
      <c r="G64" s="64" t="s">
        <v>63</v>
      </c>
      <c r="H64" s="13" t="s">
        <v>535</v>
      </c>
    </row>
    <row r="65" spans="1:8" s="41" customFormat="1" ht="26.1" customHeight="1" x14ac:dyDescent="0.15">
      <c r="A65" s="46">
        <v>64</v>
      </c>
      <c r="B65" s="47" t="s">
        <v>554</v>
      </c>
      <c r="C65" s="52" t="s">
        <v>707</v>
      </c>
      <c r="D65" s="57" t="s">
        <v>709</v>
      </c>
      <c r="E65" s="60">
        <v>25</v>
      </c>
      <c r="F65" s="53" t="s">
        <v>432</v>
      </c>
      <c r="G65" s="64" t="s">
        <v>710</v>
      </c>
      <c r="H65" s="13" t="s">
        <v>466</v>
      </c>
    </row>
    <row r="66" spans="1:8" s="41" customFormat="1" ht="26.1" customHeight="1" x14ac:dyDescent="0.15">
      <c r="A66" s="46">
        <v>65</v>
      </c>
      <c r="B66" s="47" t="s">
        <v>730</v>
      </c>
      <c r="C66" s="52" t="s">
        <v>736</v>
      </c>
      <c r="D66" s="57">
        <v>45627</v>
      </c>
      <c r="E66" s="60">
        <v>53</v>
      </c>
      <c r="F66" s="53" t="s">
        <v>385</v>
      </c>
      <c r="G66" s="64" t="s">
        <v>564</v>
      </c>
      <c r="H66" s="13" t="s">
        <v>713</v>
      </c>
    </row>
    <row r="67" spans="1:8" s="41" customFormat="1" ht="26.1" customHeight="1" x14ac:dyDescent="0.15">
      <c r="A67" s="46">
        <v>66</v>
      </c>
      <c r="B67" s="47" t="s">
        <v>243</v>
      </c>
      <c r="C67" s="52" t="s">
        <v>4</v>
      </c>
      <c r="D67" s="57">
        <v>45748</v>
      </c>
      <c r="E67" s="60">
        <v>53</v>
      </c>
      <c r="F67" s="53" t="s">
        <v>260</v>
      </c>
      <c r="G67" s="64" t="s">
        <v>321</v>
      </c>
      <c r="H67" s="13" t="s">
        <v>726</v>
      </c>
    </row>
    <row r="68" spans="1:8" s="41" customFormat="1" ht="26.1" customHeight="1" x14ac:dyDescent="0.15">
      <c r="A68" s="46">
        <v>67</v>
      </c>
      <c r="B68" s="47" t="s">
        <v>399</v>
      </c>
      <c r="C68" s="52" t="s">
        <v>518</v>
      </c>
      <c r="D68" s="59">
        <v>45748</v>
      </c>
      <c r="E68" s="60">
        <v>12</v>
      </c>
      <c r="F68" s="53" t="s">
        <v>21</v>
      </c>
      <c r="G68" s="64" t="s">
        <v>297</v>
      </c>
      <c r="H68" s="13" t="s">
        <v>102</v>
      </c>
    </row>
    <row r="69" spans="1:8" s="41" customFormat="1" ht="26.1" customHeight="1" x14ac:dyDescent="0.15">
      <c r="A69" s="46">
        <v>68</v>
      </c>
      <c r="B69" s="47" t="s">
        <v>731</v>
      </c>
      <c r="C69" s="52" t="s">
        <v>738</v>
      </c>
      <c r="D69" s="57">
        <v>45754</v>
      </c>
      <c r="E69" s="60">
        <v>30</v>
      </c>
      <c r="F69" s="53" t="s">
        <v>664</v>
      </c>
      <c r="G69" s="64" t="s">
        <v>742</v>
      </c>
      <c r="H69" s="13" t="s">
        <v>744</v>
      </c>
    </row>
    <row r="70" spans="1:8" s="41" customFormat="1" ht="26.1" customHeight="1" x14ac:dyDescent="0.15">
      <c r="A70" s="46">
        <v>69</v>
      </c>
      <c r="B70" s="47" t="s">
        <v>753</v>
      </c>
      <c r="C70" s="52" t="s">
        <v>754</v>
      </c>
      <c r="D70" s="57">
        <v>45870</v>
      </c>
      <c r="E70" s="60">
        <v>46</v>
      </c>
      <c r="F70" s="53" t="s">
        <v>567</v>
      </c>
      <c r="G70" s="64" t="s">
        <v>548</v>
      </c>
      <c r="H70" s="13" t="s">
        <v>757</v>
      </c>
    </row>
    <row r="71" spans="1:8" s="41" customFormat="1" ht="26.1" customHeight="1" x14ac:dyDescent="0.15">
      <c r="A71" s="46">
        <v>70</v>
      </c>
      <c r="B71" s="47" t="s">
        <v>346</v>
      </c>
      <c r="C71" s="52" t="s">
        <v>737</v>
      </c>
      <c r="D71" s="57">
        <v>45901</v>
      </c>
      <c r="E71" s="60">
        <v>22</v>
      </c>
      <c r="F71" s="53" t="s">
        <v>755</v>
      </c>
      <c r="G71" s="64" t="s">
        <v>97</v>
      </c>
      <c r="H71" s="13" t="s">
        <v>617</v>
      </c>
    </row>
    <row r="72" spans="1:8" s="43" customFormat="1" ht="28.5" customHeight="1" x14ac:dyDescent="0.15">
      <c r="A72" s="46">
        <v>71</v>
      </c>
      <c r="B72" s="47" t="s">
        <v>494</v>
      </c>
      <c r="C72" s="53" t="s">
        <v>92</v>
      </c>
      <c r="D72" s="57" t="s">
        <v>349</v>
      </c>
      <c r="E72" s="62">
        <v>38</v>
      </c>
      <c r="F72" s="53" t="s">
        <v>756</v>
      </c>
      <c r="G72" s="13" t="s">
        <v>190</v>
      </c>
      <c r="H72" s="67" t="s">
        <v>679</v>
      </c>
    </row>
    <row r="73" spans="1:8" s="44" customFormat="1" ht="24.75" customHeight="1" x14ac:dyDescent="0.15">
      <c r="A73" s="46">
        <v>72</v>
      </c>
      <c r="B73" s="47" t="s">
        <v>798</v>
      </c>
      <c r="C73" s="53" t="s">
        <v>287</v>
      </c>
      <c r="D73" s="58">
        <v>46037</v>
      </c>
      <c r="E73" s="14">
        <v>38</v>
      </c>
      <c r="F73" s="53" t="s">
        <v>25</v>
      </c>
      <c r="G73" s="13" t="s">
        <v>807</v>
      </c>
      <c r="H73" s="67" t="s">
        <v>808</v>
      </c>
    </row>
    <row r="74" spans="1:8" s="115" customFormat="1" ht="24.75" customHeight="1" x14ac:dyDescent="0.15">
      <c r="A74" s="110">
        <v>73</v>
      </c>
      <c r="B74" s="111" t="s">
        <v>813</v>
      </c>
      <c r="C74" s="112" t="s">
        <v>814</v>
      </c>
      <c r="D74" s="113">
        <v>46204</v>
      </c>
      <c r="E74" s="114">
        <v>22</v>
      </c>
      <c r="F74" s="112" t="s">
        <v>815</v>
      </c>
      <c r="G74" s="118" t="s">
        <v>806</v>
      </c>
      <c r="H74" s="118" t="s">
        <v>816</v>
      </c>
    </row>
  </sheetData>
  <autoFilter ref="A1:H1" xr:uid="{00000000-0001-0000-0500-000000000000}"/>
  <phoneticPr fontId="6"/>
  <printOptions horizontalCentered="1"/>
  <pageMargins left="0.59055118110236227" right="0.39370078740157483" top="0.39370078740157483" bottom="0.39370078740157483" header="0.39370078740157483" footer="0.39370078740157483"/>
  <pageSetup paperSize="9" scale="48" fitToHeight="0" orientation="portrait" r:id="rId1"/>
  <headerFooter alignWithMargins="0">
    <oddFooter>&amp;C- &amp;P -</oddFooter>
  </headerFooter>
  <rowBreaks count="1" manualBreakCount="1">
    <brk id="31" max="7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00B050"/>
  </sheetPr>
  <dimension ref="A1:H51"/>
  <sheetViews>
    <sheetView showZeros="0" view="pageBreakPreview" zoomScale="80" zoomScaleSheetLayoutView="80" workbookViewId="0">
      <pane ySplit="1" topLeftCell="A2" activePane="bottomLeft" state="frozen"/>
      <selection pane="bottomLeft" activeCell="F21" sqref="F21"/>
    </sheetView>
  </sheetViews>
  <sheetFormatPr defaultRowHeight="13.5" x14ac:dyDescent="0.15"/>
  <cols>
    <col min="1" max="1" width="9.75" style="68" customWidth="1"/>
    <col min="2" max="2" width="43.125" style="69" bestFit="1" customWidth="1"/>
    <col min="3" max="3" width="29.375" style="70" customWidth="1"/>
    <col min="4" max="4" width="12.5" style="69" bestFit="1" customWidth="1"/>
    <col min="5" max="5" width="7.25" style="71" bestFit="1" customWidth="1"/>
    <col min="6" max="6" width="34.75" style="69" bestFit="1" customWidth="1"/>
    <col min="7" max="7" width="18.25" style="71" bestFit="1" customWidth="1"/>
    <col min="8" max="8" width="9" style="70" customWidth="1"/>
    <col min="9" max="16384" width="9" style="70"/>
  </cols>
  <sheetData>
    <row r="1" spans="1:8" s="72" customFormat="1" ht="49.5" customHeight="1" x14ac:dyDescent="0.15">
      <c r="A1" s="45" t="s">
        <v>589</v>
      </c>
      <c r="B1" s="63" t="s">
        <v>605</v>
      </c>
      <c r="C1" s="63" t="s">
        <v>90</v>
      </c>
      <c r="D1" s="80" t="s">
        <v>115</v>
      </c>
      <c r="E1" s="45" t="s">
        <v>286</v>
      </c>
      <c r="F1" s="45" t="s">
        <v>198</v>
      </c>
      <c r="G1" s="63" t="s">
        <v>606</v>
      </c>
      <c r="H1" s="70"/>
    </row>
    <row r="2" spans="1:8" s="73" customFormat="1" ht="26.1" customHeight="1" x14ac:dyDescent="0.15">
      <c r="A2" s="74">
        <v>3</v>
      </c>
      <c r="B2" s="78" t="s">
        <v>357</v>
      </c>
      <c r="C2" s="79" t="s">
        <v>430</v>
      </c>
      <c r="D2" s="57">
        <v>41000</v>
      </c>
      <c r="E2" s="62">
        <v>10</v>
      </c>
      <c r="F2" s="78" t="s">
        <v>607</v>
      </c>
      <c r="G2" s="62" t="s">
        <v>246</v>
      </c>
      <c r="H2" s="85"/>
    </row>
    <row r="3" spans="1:8" s="73" customFormat="1" ht="26.1" customHeight="1" x14ac:dyDescent="0.15">
      <c r="A3" s="74">
        <v>5</v>
      </c>
      <c r="B3" s="78" t="s">
        <v>608</v>
      </c>
      <c r="C3" s="79" t="s">
        <v>787</v>
      </c>
      <c r="D3" s="57">
        <v>39904</v>
      </c>
      <c r="E3" s="62">
        <v>10</v>
      </c>
      <c r="F3" s="78" t="s">
        <v>609</v>
      </c>
      <c r="G3" s="62" t="s">
        <v>164</v>
      </c>
      <c r="H3" s="85"/>
    </row>
    <row r="4" spans="1:8" s="73" customFormat="1" ht="26.1" customHeight="1" x14ac:dyDescent="0.15">
      <c r="A4" s="74">
        <v>6</v>
      </c>
      <c r="B4" s="78" t="s">
        <v>165</v>
      </c>
      <c r="C4" s="79" t="s">
        <v>788</v>
      </c>
      <c r="D4" s="57">
        <v>41183</v>
      </c>
      <c r="E4" s="62">
        <v>28</v>
      </c>
      <c r="F4" s="78" t="s">
        <v>65</v>
      </c>
      <c r="G4" s="62" t="s">
        <v>168</v>
      </c>
      <c r="H4" s="85"/>
    </row>
    <row r="5" spans="1:8" s="73" customFormat="1" ht="26.1" customHeight="1" x14ac:dyDescent="0.15">
      <c r="A5" s="74">
        <v>8</v>
      </c>
      <c r="B5" s="78" t="s">
        <v>84</v>
      </c>
      <c r="C5" s="79" t="s">
        <v>789</v>
      </c>
      <c r="D5" s="57">
        <v>41108</v>
      </c>
      <c r="E5" s="62">
        <v>15</v>
      </c>
      <c r="F5" s="78" t="s">
        <v>611</v>
      </c>
      <c r="G5" s="62" t="s">
        <v>224</v>
      </c>
      <c r="H5" s="85"/>
    </row>
    <row r="6" spans="1:8" s="73" customFormat="1" ht="26.1" customHeight="1" x14ac:dyDescent="0.15">
      <c r="A6" s="74">
        <v>9</v>
      </c>
      <c r="B6" s="78" t="s">
        <v>338</v>
      </c>
      <c r="C6" s="79" t="s">
        <v>758</v>
      </c>
      <c r="D6" s="57">
        <v>41365</v>
      </c>
      <c r="E6" s="62">
        <v>18</v>
      </c>
      <c r="F6" s="78" t="s">
        <v>169</v>
      </c>
      <c r="G6" s="62" t="s">
        <v>170</v>
      </c>
      <c r="H6" s="85"/>
    </row>
    <row r="7" spans="1:8" s="73" customFormat="1" ht="26.1" customHeight="1" x14ac:dyDescent="0.15">
      <c r="A7" s="74">
        <v>10</v>
      </c>
      <c r="B7" s="78" t="s">
        <v>173</v>
      </c>
      <c r="C7" s="79" t="s">
        <v>746</v>
      </c>
      <c r="D7" s="57">
        <v>41244</v>
      </c>
      <c r="E7" s="62">
        <v>47</v>
      </c>
      <c r="F7" s="78" t="s">
        <v>613</v>
      </c>
      <c r="G7" s="62" t="s">
        <v>177</v>
      </c>
      <c r="H7" s="85"/>
    </row>
    <row r="8" spans="1:8" s="73" customFormat="1" ht="26.1" customHeight="1" x14ac:dyDescent="0.15">
      <c r="A8" s="74">
        <v>12</v>
      </c>
      <c r="B8" s="78" t="s">
        <v>455</v>
      </c>
      <c r="C8" s="79" t="s">
        <v>500</v>
      </c>
      <c r="D8" s="57">
        <v>41395</v>
      </c>
      <c r="E8" s="62">
        <v>20</v>
      </c>
      <c r="F8" s="78" t="s">
        <v>614</v>
      </c>
      <c r="G8" s="62" t="s">
        <v>219</v>
      </c>
      <c r="H8" s="85"/>
    </row>
    <row r="9" spans="1:8" s="73" customFormat="1" ht="26.1" customHeight="1" x14ac:dyDescent="0.15">
      <c r="A9" s="74">
        <v>13</v>
      </c>
      <c r="B9" s="78" t="s">
        <v>615</v>
      </c>
      <c r="C9" s="79" t="s">
        <v>303</v>
      </c>
      <c r="D9" s="57">
        <v>41244</v>
      </c>
      <c r="E9" s="62">
        <v>18</v>
      </c>
      <c r="F9" s="78" t="s">
        <v>616</v>
      </c>
      <c r="G9" s="62" t="s">
        <v>247</v>
      </c>
      <c r="H9" s="85"/>
    </row>
    <row r="10" spans="1:8" s="73" customFormat="1" ht="26.1" customHeight="1" x14ac:dyDescent="0.15">
      <c r="A10" s="74">
        <v>15</v>
      </c>
      <c r="B10" s="78" t="s">
        <v>183</v>
      </c>
      <c r="C10" s="79" t="s">
        <v>790</v>
      </c>
      <c r="D10" s="57">
        <v>41456</v>
      </c>
      <c r="E10" s="62">
        <v>30</v>
      </c>
      <c r="F10" s="78" t="s">
        <v>618</v>
      </c>
      <c r="G10" s="62" t="s">
        <v>251</v>
      </c>
      <c r="H10" s="85"/>
    </row>
    <row r="11" spans="1:8" s="73" customFormat="1" ht="26.1" customHeight="1" x14ac:dyDescent="0.15">
      <c r="A11" s="74">
        <v>16</v>
      </c>
      <c r="B11" s="78" t="s">
        <v>185</v>
      </c>
      <c r="C11" s="79" t="s">
        <v>791</v>
      </c>
      <c r="D11" s="57">
        <v>41538</v>
      </c>
      <c r="E11" s="62">
        <v>49</v>
      </c>
      <c r="F11" s="78" t="s">
        <v>599</v>
      </c>
      <c r="G11" s="62" t="s">
        <v>194</v>
      </c>
      <c r="H11" s="85"/>
    </row>
    <row r="12" spans="1:8" s="73" customFormat="1" ht="26.1" customHeight="1" x14ac:dyDescent="0.15">
      <c r="A12" s="74">
        <v>17</v>
      </c>
      <c r="B12" s="78" t="s">
        <v>619</v>
      </c>
      <c r="C12" s="79" t="s">
        <v>37</v>
      </c>
      <c r="D12" s="57">
        <v>41989</v>
      </c>
      <c r="E12" s="62">
        <v>21</v>
      </c>
      <c r="F12" s="78" t="s">
        <v>620</v>
      </c>
      <c r="G12" s="62" t="s">
        <v>252</v>
      </c>
      <c r="H12" s="85"/>
    </row>
    <row r="13" spans="1:8" s="73" customFormat="1" ht="26.1" customHeight="1" x14ac:dyDescent="0.15">
      <c r="A13" s="74">
        <v>18</v>
      </c>
      <c r="B13" s="78" t="s">
        <v>621</v>
      </c>
      <c r="C13" s="79" t="s">
        <v>592</v>
      </c>
      <c r="D13" s="57">
        <v>41533</v>
      </c>
      <c r="E13" s="62">
        <v>20</v>
      </c>
      <c r="F13" s="78" t="s">
        <v>622</v>
      </c>
      <c r="G13" s="62" t="s">
        <v>186</v>
      </c>
      <c r="H13" s="85"/>
    </row>
    <row r="14" spans="1:8" s="73" customFormat="1" ht="26.1" customHeight="1" x14ac:dyDescent="0.15">
      <c r="A14" s="74">
        <v>19</v>
      </c>
      <c r="B14" s="78" t="s">
        <v>624</v>
      </c>
      <c r="C14" s="79" t="s">
        <v>596</v>
      </c>
      <c r="D14" s="57">
        <v>41533</v>
      </c>
      <c r="E14" s="62">
        <v>5</v>
      </c>
      <c r="F14" s="78" t="s">
        <v>625</v>
      </c>
      <c r="G14" s="62" t="s">
        <v>187</v>
      </c>
      <c r="H14" s="85"/>
    </row>
    <row r="15" spans="1:8" s="73" customFormat="1" ht="26.1" customHeight="1" x14ac:dyDescent="0.15">
      <c r="A15" s="74">
        <v>21</v>
      </c>
      <c r="B15" s="78" t="s">
        <v>626</v>
      </c>
      <c r="C15" s="79" t="s">
        <v>598</v>
      </c>
      <c r="D15" s="57">
        <v>41821</v>
      </c>
      <c r="E15" s="62">
        <v>62</v>
      </c>
      <c r="F15" s="78" t="s">
        <v>627</v>
      </c>
      <c r="G15" s="62" t="s">
        <v>254</v>
      </c>
      <c r="H15" s="85"/>
    </row>
    <row r="16" spans="1:8" s="73" customFormat="1" ht="26.1" customHeight="1" x14ac:dyDescent="0.15">
      <c r="A16" s="74">
        <v>22</v>
      </c>
      <c r="B16" s="78" t="s">
        <v>188</v>
      </c>
      <c r="C16" s="79" t="s">
        <v>600</v>
      </c>
      <c r="D16" s="57">
        <v>41690</v>
      </c>
      <c r="E16" s="62">
        <v>28</v>
      </c>
      <c r="F16" s="78" t="s">
        <v>629</v>
      </c>
      <c r="G16" s="62" t="s">
        <v>191</v>
      </c>
      <c r="H16" s="85"/>
    </row>
    <row r="17" spans="1:8" s="73" customFormat="1" ht="26.1" customHeight="1" x14ac:dyDescent="0.15">
      <c r="A17" s="74">
        <v>23</v>
      </c>
      <c r="B17" s="78" t="s">
        <v>192</v>
      </c>
      <c r="C17" s="79" t="s">
        <v>765</v>
      </c>
      <c r="D17" s="57">
        <v>41760</v>
      </c>
      <c r="E17" s="62">
        <v>38</v>
      </c>
      <c r="F17" s="78" t="s">
        <v>630</v>
      </c>
      <c r="G17" s="62" t="s">
        <v>259</v>
      </c>
      <c r="H17" s="85"/>
    </row>
    <row r="18" spans="1:8" s="73" customFormat="1" ht="26.1" customHeight="1" x14ac:dyDescent="0.15">
      <c r="A18" s="74">
        <v>24</v>
      </c>
      <c r="B18" s="78" t="s">
        <v>195</v>
      </c>
      <c r="C18" s="79" t="s">
        <v>787</v>
      </c>
      <c r="D18" s="57">
        <v>41734</v>
      </c>
      <c r="E18" s="62">
        <v>10</v>
      </c>
      <c r="F18" s="78" t="s">
        <v>609</v>
      </c>
      <c r="G18" s="62" t="s">
        <v>164</v>
      </c>
      <c r="H18" s="85"/>
    </row>
    <row r="19" spans="1:8" s="73" customFormat="1" ht="26.1" customHeight="1" x14ac:dyDescent="0.15">
      <c r="A19" s="74">
        <v>25</v>
      </c>
      <c r="B19" s="78" t="s">
        <v>631</v>
      </c>
      <c r="C19" s="79" t="s">
        <v>792</v>
      </c>
      <c r="D19" s="57">
        <v>41913</v>
      </c>
      <c r="E19" s="62">
        <v>20</v>
      </c>
      <c r="F19" s="78" t="s">
        <v>580</v>
      </c>
      <c r="G19" s="62" t="s">
        <v>196</v>
      </c>
      <c r="H19" s="85"/>
    </row>
    <row r="20" spans="1:8" s="73" customFormat="1" ht="26.1" customHeight="1" x14ac:dyDescent="0.15">
      <c r="A20" s="74">
        <v>26</v>
      </c>
      <c r="B20" s="78" t="s">
        <v>632</v>
      </c>
      <c r="C20" s="79" t="s">
        <v>545</v>
      </c>
      <c r="D20" s="57">
        <v>41883</v>
      </c>
      <c r="E20" s="62">
        <v>31</v>
      </c>
      <c r="F20" s="78" t="s">
        <v>32</v>
      </c>
      <c r="G20" s="62" t="s">
        <v>262</v>
      </c>
      <c r="H20" s="85"/>
    </row>
    <row r="21" spans="1:8" s="73" customFormat="1" ht="26.1" customHeight="1" x14ac:dyDescent="0.15">
      <c r="A21" s="74">
        <v>27</v>
      </c>
      <c r="B21" s="78" t="s">
        <v>440</v>
      </c>
      <c r="C21" s="79" t="s">
        <v>602</v>
      </c>
      <c r="D21" s="57">
        <v>41760</v>
      </c>
      <c r="E21" s="62">
        <v>24</v>
      </c>
      <c r="F21" s="78" t="s">
        <v>634</v>
      </c>
      <c r="G21" s="62" t="s">
        <v>747</v>
      </c>
      <c r="H21" s="85"/>
    </row>
    <row r="22" spans="1:8" s="73" customFormat="1" ht="26.1" customHeight="1" x14ac:dyDescent="0.15">
      <c r="A22" s="74">
        <v>29</v>
      </c>
      <c r="B22" s="78" t="s">
        <v>636</v>
      </c>
      <c r="C22" s="79" t="s">
        <v>793</v>
      </c>
      <c r="D22" s="57">
        <v>41974</v>
      </c>
      <c r="E22" s="62">
        <v>20</v>
      </c>
      <c r="F22" s="78" t="s">
        <v>118</v>
      </c>
      <c r="G22" s="62" t="s">
        <v>263</v>
      </c>
      <c r="H22" s="85"/>
    </row>
    <row r="23" spans="1:8" s="73" customFormat="1" ht="26.1" customHeight="1" x14ac:dyDescent="0.15">
      <c r="A23" s="74">
        <v>31</v>
      </c>
      <c r="B23" s="78" t="s">
        <v>200</v>
      </c>
      <c r="C23" s="79" t="s">
        <v>794</v>
      </c>
      <c r="D23" s="57">
        <v>42156</v>
      </c>
      <c r="E23" s="62">
        <v>20</v>
      </c>
      <c r="F23" s="78" t="s">
        <v>629</v>
      </c>
      <c r="G23" s="62" t="s">
        <v>748</v>
      </c>
      <c r="H23" s="85"/>
    </row>
    <row r="24" spans="1:8" s="73" customFormat="1" ht="26.1" customHeight="1" x14ac:dyDescent="0.15">
      <c r="A24" s="74">
        <v>32</v>
      </c>
      <c r="B24" s="78" t="s">
        <v>637</v>
      </c>
      <c r="C24" s="79" t="s">
        <v>795</v>
      </c>
      <c r="D24" s="57">
        <v>42278</v>
      </c>
      <c r="E24" s="62">
        <v>27</v>
      </c>
      <c r="F24" s="78" t="s">
        <v>616</v>
      </c>
      <c r="G24" s="62" t="s">
        <v>247</v>
      </c>
      <c r="H24" s="85"/>
    </row>
    <row r="25" spans="1:8" s="73" customFormat="1" ht="26.1" customHeight="1" x14ac:dyDescent="0.15">
      <c r="A25" s="74">
        <v>33</v>
      </c>
      <c r="B25" s="78" t="s">
        <v>293</v>
      </c>
      <c r="C25" s="79" t="s">
        <v>11</v>
      </c>
      <c r="D25" s="57">
        <v>42318</v>
      </c>
      <c r="E25" s="62">
        <v>28</v>
      </c>
      <c r="F25" s="78" t="s">
        <v>629</v>
      </c>
      <c r="G25" s="62" t="s">
        <v>806</v>
      </c>
      <c r="H25" s="85"/>
    </row>
    <row r="26" spans="1:8" s="73" customFormat="1" ht="26.1" customHeight="1" x14ac:dyDescent="0.15">
      <c r="A26" s="74">
        <v>35</v>
      </c>
      <c r="B26" s="78" t="s">
        <v>638</v>
      </c>
      <c r="C26" s="79" t="s">
        <v>796</v>
      </c>
      <c r="D26" s="57">
        <v>42745</v>
      </c>
      <c r="E26" s="62">
        <v>12</v>
      </c>
      <c r="F26" s="78" t="s">
        <v>639</v>
      </c>
      <c r="G26" s="62" t="s">
        <v>267</v>
      </c>
      <c r="H26" s="85"/>
    </row>
    <row r="27" spans="1:8" s="73" customFormat="1" ht="26.1" customHeight="1" x14ac:dyDescent="0.15">
      <c r="A27" s="74">
        <v>37</v>
      </c>
      <c r="B27" s="78" t="s">
        <v>201</v>
      </c>
      <c r="C27" s="79" t="s">
        <v>125</v>
      </c>
      <c r="D27" s="57">
        <v>42705</v>
      </c>
      <c r="E27" s="62">
        <v>10</v>
      </c>
      <c r="F27" s="78" t="s">
        <v>291</v>
      </c>
      <c r="G27" s="62" t="s">
        <v>203</v>
      </c>
      <c r="H27" s="85"/>
    </row>
    <row r="28" spans="1:8" s="73" customFormat="1" ht="26.1" customHeight="1" x14ac:dyDescent="0.15">
      <c r="A28" s="74">
        <v>38</v>
      </c>
      <c r="B28" s="78" t="s">
        <v>640</v>
      </c>
      <c r="C28" s="79" t="s">
        <v>735</v>
      </c>
      <c r="D28" s="57">
        <v>42835</v>
      </c>
      <c r="E28" s="62">
        <v>30</v>
      </c>
      <c r="F28" s="78" t="s">
        <v>641</v>
      </c>
      <c r="G28" s="62" t="s">
        <v>268</v>
      </c>
      <c r="H28" s="85"/>
    </row>
    <row r="29" spans="1:8" s="73" customFormat="1" ht="26.1" customHeight="1" x14ac:dyDescent="0.15">
      <c r="A29" s="74">
        <v>39</v>
      </c>
      <c r="B29" s="78" t="s">
        <v>642</v>
      </c>
      <c r="C29" s="79" t="s">
        <v>54</v>
      </c>
      <c r="D29" s="57">
        <v>42948</v>
      </c>
      <c r="E29" s="62">
        <v>30</v>
      </c>
      <c r="F29" s="78" t="s">
        <v>361</v>
      </c>
      <c r="G29" s="62" t="s">
        <v>270</v>
      </c>
      <c r="H29" s="85"/>
    </row>
    <row r="30" spans="1:8" s="73" customFormat="1" ht="26.1" customHeight="1" x14ac:dyDescent="0.15">
      <c r="A30" s="74">
        <v>40</v>
      </c>
      <c r="B30" s="78" t="s">
        <v>133</v>
      </c>
      <c r="C30" s="79" t="s">
        <v>797</v>
      </c>
      <c r="D30" s="57">
        <v>42952</v>
      </c>
      <c r="E30" s="62">
        <v>30</v>
      </c>
      <c r="F30" s="78" t="s">
        <v>643</v>
      </c>
      <c r="G30" s="62" t="s">
        <v>749</v>
      </c>
      <c r="H30" s="85"/>
    </row>
    <row r="31" spans="1:8" s="73" customFormat="1" ht="26.1" customHeight="1" x14ac:dyDescent="0.15">
      <c r="A31" s="74">
        <v>41</v>
      </c>
      <c r="B31" s="78" t="s">
        <v>395</v>
      </c>
      <c r="C31" s="79" t="s">
        <v>502</v>
      </c>
      <c r="D31" s="57">
        <v>43282</v>
      </c>
      <c r="E31" s="62">
        <v>41</v>
      </c>
      <c r="F31" s="78" t="s">
        <v>572</v>
      </c>
      <c r="G31" s="62" t="s">
        <v>272</v>
      </c>
      <c r="H31" s="85"/>
    </row>
    <row r="32" spans="1:8" s="73" customFormat="1" ht="26.1" customHeight="1" x14ac:dyDescent="0.15">
      <c r="A32" s="74">
        <v>43</v>
      </c>
      <c r="B32" s="78" t="s">
        <v>40</v>
      </c>
      <c r="C32" s="79" t="s">
        <v>799</v>
      </c>
      <c r="D32" s="57">
        <v>43405</v>
      </c>
      <c r="E32" s="62">
        <v>40</v>
      </c>
      <c r="F32" s="78" t="s">
        <v>86</v>
      </c>
      <c r="G32" s="62" t="s">
        <v>275</v>
      </c>
      <c r="H32" s="85"/>
    </row>
    <row r="33" spans="1:8" s="73" customFormat="1" ht="26.1" customHeight="1" x14ac:dyDescent="0.15">
      <c r="A33" s="74">
        <v>44</v>
      </c>
      <c r="B33" s="78" t="s">
        <v>752</v>
      </c>
      <c r="C33" s="79" t="s">
        <v>800</v>
      </c>
      <c r="D33" s="57">
        <v>43739</v>
      </c>
      <c r="E33" s="62">
        <v>21</v>
      </c>
      <c r="F33" s="78" t="s">
        <v>708</v>
      </c>
      <c r="G33" s="62" t="s">
        <v>43</v>
      </c>
      <c r="H33" s="85"/>
    </row>
    <row r="34" spans="1:8" s="73" customFormat="1" ht="26.1" customHeight="1" x14ac:dyDescent="0.15">
      <c r="A34" s="74">
        <v>45</v>
      </c>
      <c r="B34" s="78" t="s">
        <v>644</v>
      </c>
      <c r="C34" s="79" t="s">
        <v>586</v>
      </c>
      <c r="D34" s="57">
        <v>43318</v>
      </c>
      <c r="E34" s="62">
        <v>24</v>
      </c>
      <c r="F34" s="78" t="s">
        <v>646</v>
      </c>
      <c r="G34" s="62" t="s">
        <v>276</v>
      </c>
      <c r="H34" s="85"/>
    </row>
    <row r="35" spans="1:8" s="73" customFormat="1" ht="26.1" customHeight="1" x14ac:dyDescent="0.15">
      <c r="A35" s="74">
        <v>46</v>
      </c>
      <c r="B35" s="78" t="s">
        <v>647</v>
      </c>
      <c r="C35" s="79" t="s">
        <v>504</v>
      </c>
      <c r="D35" s="57">
        <v>43770</v>
      </c>
      <c r="E35" s="62">
        <v>30</v>
      </c>
      <c r="F35" s="78" t="s">
        <v>646</v>
      </c>
      <c r="G35" s="62" t="s">
        <v>77</v>
      </c>
      <c r="H35" s="85"/>
    </row>
    <row r="36" spans="1:8" s="73" customFormat="1" ht="26.1" customHeight="1" x14ac:dyDescent="0.15">
      <c r="A36" s="74">
        <v>47</v>
      </c>
      <c r="B36" s="78" t="s">
        <v>648</v>
      </c>
      <c r="C36" s="79" t="s">
        <v>317</v>
      </c>
      <c r="D36" s="57">
        <v>43922</v>
      </c>
      <c r="E36" s="62">
        <v>63</v>
      </c>
      <c r="F36" s="78" t="s">
        <v>512</v>
      </c>
      <c r="G36" s="62" t="s">
        <v>148</v>
      </c>
      <c r="H36" s="85"/>
    </row>
    <row r="37" spans="1:8" s="73" customFormat="1" ht="26.1" customHeight="1" x14ac:dyDescent="0.15">
      <c r="A37" s="74">
        <v>48</v>
      </c>
      <c r="B37" s="78" t="s">
        <v>449</v>
      </c>
      <c r="C37" s="79" t="s">
        <v>507</v>
      </c>
      <c r="D37" s="57">
        <v>43906</v>
      </c>
      <c r="E37" s="62">
        <v>47</v>
      </c>
      <c r="F37" s="78" t="s">
        <v>572</v>
      </c>
      <c r="G37" s="62" t="s">
        <v>279</v>
      </c>
      <c r="H37" s="85"/>
    </row>
    <row r="38" spans="1:8" s="73" customFormat="1" ht="26.1" customHeight="1" x14ac:dyDescent="0.15">
      <c r="A38" s="74">
        <v>50</v>
      </c>
      <c r="B38" s="78" t="s">
        <v>131</v>
      </c>
      <c r="C38" s="79" t="s">
        <v>745</v>
      </c>
      <c r="D38" s="57">
        <v>44175</v>
      </c>
      <c r="E38" s="62">
        <v>30</v>
      </c>
      <c r="F38" s="78" t="s">
        <v>649</v>
      </c>
      <c r="G38" s="62" t="s">
        <v>280</v>
      </c>
      <c r="H38" s="85"/>
    </row>
    <row r="39" spans="1:8" s="73" customFormat="1" ht="26.1" customHeight="1" x14ac:dyDescent="0.15">
      <c r="A39" s="74">
        <v>51</v>
      </c>
      <c r="B39" s="78" t="s">
        <v>651</v>
      </c>
      <c r="C39" s="79" t="s">
        <v>784</v>
      </c>
      <c r="D39" s="57">
        <v>44075</v>
      </c>
      <c r="E39" s="62">
        <v>40</v>
      </c>
      <c r="F39" s="78" t="s">
        <v>120</v>
      </c>
      <c r="G39" s="62" t="s">
        <v>52</v>
      </c>
      <c r="H39" s="85"/>
    </row>
    <row r="40" spans="1:8" s="73" customFormat="1" ht="26.1" customHeight="1" x14ac:dyDescent="0.15">
      <c r="A40" s="74">
        <v>52</v>
      </c>
      <c r="B40" s="78" t="s">
        <v>206</v>
      </c>
      <c r="C40" s="79" t="s">
        <v>604</v>
      </c>
      <c r="D40" s="57">
        <v>39904</v>
      </c>
      <c r="E40" s="62">
        <v>22</v>
      </c>
      <c r="F40" s="78" t="s">
        <v>653</v>
      </c>
      <c r="G40" s="62" t="s">
        <v>281</v>
      </c>
      <c r="H40" s="85"/>
    </row>
    <row r="41" spans="1:8" s="73" customFormat="1" ht="26.1" customHeight="1" x14ac:dyDescent="0.15">
      <c r="A41" s="74">
        <v>54</v>
      </c>
      <c r="B41" s="78" t="s">
        <v>230</v>
      </c>
      <c r="C41" s="79" t="s">
        <v>801</v>
      </c>
      <c r="D41" s="57">
        <v>44896</v>
      </c>
      <c r="E41" s="62">
        <v>27</v>
      </c>
      <c r="F41" s="78" t="s">
        <v>708</v>
      </c>
      <c r="G41" s="62" t="s">
        <v>282</v>
      </c>
      <c r="H41" s="85"/>
    </row>
    <row r="42" spans="1:8" s="73" customFormat="1" ht="26.1" customHeight="1" x14ac:dyDescent="0.15">
      <c r="A42" s="74">
        <v>55</v>
      </c>
      <c r="B42" s="78" t="s">
        <v>23</v>
      </c>
      <c r="C42" s="79" t="s">
        <v>802</v>
      </c>
      <c r="D42" s="57">
        <v>41334</v>
      </c>
      <c r="E42" s="62">
        <v>10</v>
      </c>
      <c r="F42" s="78" t="s">
        <v>559</v>
      </c>
      <c r="G42" s="62" t="s">
        <v>182</v>
      </c>
      <c r="H42" s="85"/>
    </row>
    <row r="43" spans="1:8" s="73" customFormat="1" ht="26.1" customHeight="1" x14ac:dyDescent="0.15">
      <c r="A43" s="74">
        <v>56</v>
      </c>
      <c r="B43" s="78" t="s">
        <v>654</v>
      </c>
      <c r="C43" s="79" t="s">
        <v>803</v>
      </c>
      <c r="D43" s="57">
        <v>41319</v>
      </c>
      <c r="E43" s="62">
        <v>49</v>
      </c>
      <c r="F43" s="78" t="s">
        <v>652</v>
      </c>
      <c r="G43" s="62" t="s">
        <v>284</v>
      </c>
      <c r="H43" s="85"/>
    </row>
    <row r="44" spans="1:8" s="73" customFormat="1" ht="26.1" customHeight="1" x14ac:dyDescent="0.15">
      <c r="A44" s="74">
        <v>57</v>
      </c>
      <c r="B44" s="78" t="s">
        <v>482</v>
      </c>
      <c r="C44" s="79" t="s">
        <v>804</v>
      </c>
      <c r="D44" s="57">
        <v>45217</v>
      </c>
      <c r="E44" s="62">
        <v>30</v>
      </c>
      <c r="F44" s="78" t="s">
        <v>86</v>
      </c>
      <c r="G44" s="62" t="s">
        <v>751</v>
      </c>
      <c r="H44" s="85"/>
    </row>
    <row r="45" spans="1:8" ht="29.45" customHeight="1" x14ac:dyDescent="0.15">
      <c r="A45" s="75"/>
      <c r="B45" s="76"/>
      <c r="C45" s="76"/>
      <c r="D45" s="81"/>
      <c r="E45" s="83"/>
      <c r="F45" s="76"/>
      <c r="G45" s="83"/>
    </row>
    <row r="46" spans="1:8" ht="29.45" customHeight="1" x14ac:dyDescent="0.15">
      <c r="A46" s="75"/>
      <c r="B46" s="76"/>
      <c r="C46" s="76"/>
      <c r="D46" s="81"/>
      <c r="E46" s="83"/>
      <c r="F46" s="76"/>
      <c r="G46" s="83"/>
    </row>
    <row r="47" spans="1:8" ht="22.15" customHeight="1" x14ac:dyDescent="0.15">
      <c r="A47" s="76"/>
      <c r="B47" s="76"/>
      <c r="C47" s="76"/>
      <c r="D47" s="82"/>
      <c r="E47" s="84"/>
      <c r="F47" s="82"/>
      <c r="G47" s="83"/>
    </row>
    <row r="48" spans="1:8" ht="190.9" customHeight="1" x14ac:dyDescent="0.15">
      <c r="A48" s="77"/>
      <c r="B48" s="76"/>
      <c r="C48" s="76"/>
      <c r="D48" s="76"/>
      <c r="E48" s="83"/>
      <c r="F48" s="76"/>
      <c r="G48" s="83"/>
    </row>
    <row r="49" spans="1:1" ht="29.45" customHeight="1" x14ac:dyDescent="0.15">
      <c r="A49" s="77"/>
    </row>
    <row r="50" spans="1:1" ht="29.45" customHeight="1" x14ac:dyDescent="0.15"/>
    <row r="51" spans="1:1" ht="29.45" customHeight="1" x14ac:dyDescent="0.15"/>
  </sheetData>
  <autoFilter ref="A1:H1" xr:uid="{00000000-0001-0000-0600-000000000000}"/>
  <phoneticPr fontId="6"/>
  <pageMargins left="0.7" right="0.7" top="0.75" bottom="0.75" header="0.3" footer="0.3"/>
  <pageSetup paperSize="9" scale="77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10</vt:i4>
      </vt:variant>
    </vt:vector>
  </HeadingPairs>
  <TitlesOfParts>
    <vt:vector size="17" baseType="lpstr">
      <vt:lpstr>1.介護老人福祉施設</vt:lpstr>
      <vt:lpstr>2.介護老人保健施設</vt:lpstr>
      <vt:lpstr>3.介護医療院</vt:lpstr>
      <vt:lpstr>4.養護老人ホーム</vt:lpstr>
      <vt:lpstr>5.軽費老人ホーム(ケアハウス)</vt:lpstr>
      <vt:lpstr>6.有料老人ホーム</vt:lpstr>
      <vt:lpstr>7.サービス付き高齢者向け住宅 </vt:lpstr>
      <vt:lpstr>'6.有料老人ホーム'!data</vt:lpstr>
      <vt:lpstr>'1.介護老人福祉施設'!Print_Area</vt:lpstr>
      <vt:lpstr>'2.介護老人保健施設'!Print_Area</vt:lpstr>
      <vt:lpstr>'3.介護医療院'!Print_Area</vt:lpstr>
      <vt:lpstr>'4.養護老人ホーム'!Print_Area</vt:lpstr>
      <vt:lpstr>'5.軽費老人ホーム(ケアハウス)'!Print_Area</vt:lpstr>
      <vt:lpstr>'6.有料老人ホーム'!Print_Area</vt:lpstr>
      <vt:lpstr>'7.サービス付き高齢者向け住宅 '!Print_Area</vt:lpstr>
      <vt:lpstr>'6.有料老人ホーム'!Print_Titles</vt:lpstr>
      <vt:lpstr>'7.サービス付き高齢者向け住宅 '!Print_Titles</vt:lpstr>
    </vt:vector>
  </TitlesOfParts>
  <Company>FM-US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MV-USER</dc:creator>
  <cp:lastModifiedBy>柄崎　七星</cp:lastModifiedBy>
  <cp:lastPrinted>2024-05-23T06:41:10Z</cp:lastPrinted>
  <dcterms:created xsi:type="dcterms:W3CDTF">2001-04-19T23:20:41Z</dcterms:created>
  <dcterms:modified xsi:type="dcterms:W3CDTF">2026-07-14T05:44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4-20T08:36:04Z</vt:filetime>
  </property>
</Properties>
</file>